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tables/table1.xml" ContentType="application/vnd.openxmlformats-officedocument.spreadsheetml.table+xml"/>
  <Override PartName="/xl/drawings/drawing2.xml" ContentType="application/vnd.openxmlformats-officedocument.drawing+xml"/>
  <Override PartName="/xl/tables/table2.xml" ContentType="application/vnd.openxmlformats-officedocument.spreadsheetml.table+xml"/>
  <Override PartName="/xl/persons/person.xml" ContentType="application/vnd.ms-excel.person+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324"/>
  <workbookPr filterPrivacy="1"/>
  <xr:revisionPtr revIDLastSave="18" documentId="8_{9A1737CB-65B1-48E5-91CD-184B3552D95B}" xr6:coauthVersionLast="47" xr6:coauthVersionMax="47" xr10:uidLastSave="{354119AE-50A8-4126-92A8-06C8E2BBDFCC}"/>
  <bookViews>
    <workbookView xWindow="-120" yWindow="-120" windowWidth="38640" windowHeight="21120" xr2:uid="{00000000-000D-0000-FFFF-FFFF00000000}"/>
  </bookViews>
  <sheets>
    <sheet name="GBF2022" sheetId="1" r:id="rId1"/>
    <sheet name="GBF2017" sheetId="2" r:id="rId2"/>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3962" uniqueCount="598">
  <si>
    <t>New reactor and accumulation tank including storage tank for fuels at the plant and storage tank for slurry at the farmer. Expected useful life: 25 years</t>
  </si>
  <si>
    <t>Expansion of solar heating production.</t>
  </si>
  <si>
    <t xml:space="preserve">Conversion of plant from coal-fired to chip-fired. Highly efficient and flexible system, which ensures a high utilization of the energy in the wood chip by, among other things, utilising the energy in water vapour from flue gas. </t>
  </si>
  <si>
    <t>Biomass-fired boiler and hookup to new district heating area. Phases out old oil-fired boilers owned by individual consumers. Only uses local wood chips.</t>
  </si>
  <si>
    <t>Biomass burner and connection to new district heating area. Phases out old oil burners located with individual consumers.</t>
  </si>
  <si>
    <t>The project concerns the establishment of a new heat station located north of a data centre, which is under construction.</t>
  </si>
  <si>
    <t>The project concerns the establishment of a new heat station located north of a data centre, which is under construction. The heat station will comprise nine electric heat pumps producing district heating on the basis of waste heat from a data centre. In addition to the heat pumps, the building will have electrical installations for the supply of the heat pumps and various circulation pumps for district heating and waste heat. The station may later on be expanded with additional heat pumps.</t>
  </si>
  <si>
    <t>Purchase of heat pump</t>
  </si>
  <si>
    <t>Heat pump, transmission pipes and replacing meters</t>
  </si>
  <si>
    <t>Transmission pipe, utilization of surplus heat from factory. Results in reduction of fuel consumption from straw and wood pellets.</t>
  </si>
  <si>
    <t>Air to water heat pump and transmission pipes</t>
  </si>
  <si>
    <t>Biomass-fired boiler container</t>
  </si>
  <si>
    <t>Woodchip-fired heating plant (replacing coal). The greatest part of the delivery of wood chips is sailed into the harbour, where previously all fuel (straw and coal) was moved by truck over long distances.</t>
  </si>
  <si>
    <t>New wood pellet-fired boiler plant and transmission system. The new plant is supplied with flue gas filters to reduce the strain of dust on the surroundings.</t>
  </si>
  <si>
    <t xml:space="preserve">Air to water heat pump. </t>
  </si>
  <si>
    <t xml:space="preserve">Biomass-fired power and heating plant using wood chips. ORC-technology. The plant has a capacity of 30 MW. </t>
  </si>
  <si>
    <t>New feed circuits in connection to solar collector - a condition for utilizing solar heat.</t>
  </si>
  <si>
    <t>3.6 MW air to water heat pumps replacing the gas production formerly used for district heat production.</t>
  </si>
  <si>
    <t>Establishment of a new chip-fired plant with an effect of 9.6 MW. Bio ash is analyzed before being distributed as fertilizer in farming.</t>
  </si>
  <si>
    <t>Establishment of satellite facility (wood pellet-fired) with mains for housing developments (500 lots) providing low temperature district heating.</t>
  </si>
  <si>
    <t>Conversion of plant from running on coal to running on biomass.</t>
  </si>
  <si>
    <t>Heat storage tank 2,000 m3</t>
  </si>
  <si>
    <t>New straw-fired plant</t>
  </si>
  <si>
    <t>Extension of district heating supply area for properties using oil burners. The plant is ISO certified. Expected useful life: 20 years.</t>
  </si>
  <si>
    <t>Air to water heat pump with 16 MW capacity replacing production using gas. Expected useful life: 20 years.</t>
  </si>
  <si>
    <t>Seawater heat pump, biomass boiler plant using 100% sustainable wood chips. Phase 1 in a project which, in the future, will use excess heat from data centers and industries. Expected useful life: 10 - 30 years</t>
  </si>
  <si>
    <t>Chip-fired heat plant</t>
  </si>
  <si>
    <t xml:space="preserve">Heat pump </t>
  </si>
  <si>
    <t>5,5 MW air to water heat pump, which replaces heat production based on natural gas.</t>
  </si>
  <si>
    <t>Replacement of gas motor with heat pump.</t>
  </si>
  <si>
    <t>2 heat pumps</t>
  </si>
  <si>
    <t>Installation og 2.5 mWh heat pump for cooling compressors. Installation of gasburner for backup. Useful life: 25-30 years. Avoiding 850,000 m3 gas</t>
  </si>
  <si>
    <t>New high pressure boiler using biomass</t>
  </si>
  <si>
    <t>Establishing heat pump. Expected useful life: 20 years</t>
  </si>
  <si>
    <t>Expansion of district heating supply area and pump capacity to an industry area. Replacing natural gas.</t>
  </si>
  <si>
    <t>Heat pump. Works with air-to-water and water-to-water. Collaboration with local industry on cooling proces.</t>
  </si>
  <si>
    <t>Heat pump project which transfers heat from air to thermal energy in water using electricity (air towater).</t>
  </si>
  <si>
    <t>1 MW heat pump to enhance the efficiency of 15,000 m2 solar heat.</t>
  </si>
  <si>
    <t>Conversion of natural gas heating to district heating</t>
  </si>
  <si>
    <t xml:space="preserve">Heat pump using waste heat from industrial wastewater. </t>
  </si>
  <si>
    <t>New plant for producing district heating</t>
  </si>
  <si>
    <t>Heat pump with ammonia cooler function. The performance is 5 to 5.5 MW. The energy can be collected from the air and a 50.000 m3 pitstorage. Water in pitstorage is heated by solarcells. The plant is ISO certified. Expected useful life: 30 years.</t>
  </si>
  <si>
    <t>Expansion of district heating area - transmission pipe. Replaces gasbased heating in three smaller towns</t>
  </si>
  <si>
    <t>Transmission line. Replacing gasbased heat in three smaller towns</t>
  </si>
  <si>
    <t xml:space="preserve">Establishing new 2.5 MW heat pump providing 480 consumers with district heating. The project avoids 1.29 mio m3 natural gas yearly. Expected useful life: 20 years </t>
  </si>
  <si>
    <t xml:space="preserve">Construction of 4.4 Mwh electric heat pump with air-to water and water-to-water. </t>
  </si>
  <si>
    <t xml:space="preserve">Expansion of existing solar heating system. </t>
  </si>
  <si>
    <t xml:space="preserve">New straw-fired heating plant and expansion of the heating distribution network. Establishment of solar heating system of 13,407 sqm. The straw-fired heating plant significantly reduces the use of fossil fuels (gas) and contributes to making the plant 100% CO2-neutral in terms of production and own consumption. </t>
  </si>
  <si>
    <t>New 8,455 m2 solar heating system.</t>
  </si>
  <si>
    <t>Expansion of transmission system and new transmission pipe</t>
  </si>
  <si>
    <t>Multiple municipal climate investments during 2017.</t>
  </si>
  <si>
    <t>Geothermal injection boring</t>
  </si>
  <si>
    <t>Conversion to district heating in industrial area</t>
  </si>
  <si>
    <t>Solar heating system 8,000 m3</t>
  </si>
  <si>
    <t>District heating transmission pipe for the supplying of 3 cities. Realised savings in 2017: 9.136 MWh heat based on gas. With an efficiency of 95% and a conversion factor of 56,99 kg/GJ the annual CO2-reduction is 4,132.69 tonnes.</t>
  </si>
  <si>
    <t>New pipelines (series 3, best degree of insulation) as well as outlet to consumers</t>
  </si>
  <si>
    <t xml:space="preserve">Establishment of new solar heating system of 30,000 sqm. Transmission line and pipe renovation </t>
  </si>
  <si>
    <t>Extension of district heating supply area</t>
  </si>
  <si>
    <t>Expansion of district heating area and investment in surplus heating.</t>
  </si>
  <si>
    <t>Conversion from natural gas to district heating incl. simultaneous expansion of transmission system and production system.</t>
  </si>
  <si>
    <t>Solar heating system with 5,024 m2 solar panels and a 1,000 m3 accumulation tank as well as a building for pump equipment and CRS-equipment for data collection.</t>
  </si>
  <si>
    <t>Extension of the district heating plant, new transmission lines to new areas. District heating is produced from wood chips and straw from Bornholm and replaces oil furnace heating.</t>
  </si>
  <si>
    <t>Building a new biomass-fired CHP plant, change from gas burning to wood chip burning replacing 4,017,000 GJ annually in fossil fuels.</t>
  </si>
  <si>
    <t>Expansion of district heating area. District heating is supplied by wood chip-fired power plant and replaces individual oil-firing.</t>
  </si>
  <si>
    <t>Conversion of plant from natural gas to district heating for residences, institutions and businesses in a larger area in a Copenhagen suburb.</t>
  </si>
  <si>
    <t>Extension of supply area, 20 oil furnaces and 20 old wood pellet plants to be replaced by district heating</t>
  </si>
  <si>
    <t>Transfer of 1,500 households from natural gas to district heating.</t>
  </si>
  <si>
    <t>Replacement of 21-years old wood chip-fired boiler with a more modern boiler with a higher efficiency, as well as installation of absorption heat pump for use in the off-season. Both installations reduces oil consumption and produces more heat from the same amount of wood chips.</t>
  </si>
  <si>
    <t>7 MW solar heating system, transmission pipe and storage tank.</t>
  </si>
  <si>
    <t>Conversion from natural gas to district heating and replacement of calorimeters</t>
  </si>
  <si>
    <t>District heating project in industry area. Replacing natural gas boilers with district heating based on excess heat. Expected useful life: 30 years.</t>
  </si>
  <si>
    <t>Expansion of district heating area</t>
  </si>
  <si>
    <t>Conversion from natural gas supply to district heating in industrial area</t>
  </si>
  <si>
    <t>Establishment of transmission system and district heating hook up</t>
  </si>
  <si>
    <t>Extension of existing solar heating system by 10%</t>
  </si>
  <si>
    <t>Expansion of district heating plant, new transmission pipes for new area.</t>
  </si>
  <si>
    <t>Replacement of district heating pipelines to new twin pipelines, series 3.</t>
  </si>
  <si>
    <t xml:space="preserve">Solar heating system, 11 m2, solar collectors, transmission pipes, storage tank 3,000 m2. </t>
  </si>
  <si>
    <t>Biomass-fired system and connection of new district heating area. Phasing out of old oil furnaces at individual consumers.</t>
  </si>
  <si>
    <t>District heating extension</t>
  </si>
  <si>
    <t>Extension of district heating area</t>
  </si>
  <si>
    <t>Establishing solar collectors including building and accumulation tank. Expected useful life: 30 years</t>
  </si>
  <si>
    <t xml:space="preserve">Replacement of gas boiler and pipeline replacements </t>
  </si>
  <si>
    <t xml:space="preserve">A 1,300 m transmission line. Complete renovation of piping network of 7,000 m </t>
  </si>
  <si>
    <t>Establishment of 16.3 km feed circuit</t>
  </si>
  <si>
    <t>Expansion of district heating area, conversion from natural gas to district heating</t>
  </si>
  <si>
    <t>Establishment of heat pump and expansion of network. The project will lead to a reduction of natural gas of approx. 454,000 Nm3</t>
  </si>
  <si>
    <t xml:space="preserve">Merger of heating plant to optimize and contribute to the green transition. Establishment of air-to-water heat pump as well as biomass boiler. </t>
  </si>
  <si>
    <t>Replacement of old mains and service pipes with insulation series 3 pipes with very low thermal loss.</t>
  </si>
  <si>
    <t>Establishment of mains and service pipes for the expansion of the supply area.</t>
  </si>
  <si>
    <t>New straw-fired boiler plant. Rainwater is used for wetting ashes.</t>
  </si>
  <si>
    <t>Expansion of district heating area. Oil-fired burners replaced with district heating.</t>
  </si>
  <si>
    <t xml:space="preserve">Insulation of thermal envelope, lighting, automatic energy collection, pumps, heat management etc. </t>
  </si>
  <si>
    <t>Renovation project of 5 km pipes, including outlets. 54 new connections, converted from gas or oil to district heating</t>
  </si>
  <si>
    <t>Establishment of district heating in five small villages</t>
  </si>
  <si>
    <t>Conversion of natural gas area to district heating. The district heating is based on 75% biomass in the form of straw and wood chips and 25% surplus heat from waste.</t>
  </si>
  <si>
    <t>Modernization of street lighting, replacing fixtures</t>
  </si>
  <si>
    <t>Hooking up a new area to district heating.</t>
  </si>
  <si>
    <t>Replacing 1440 street lights with LED lighting</t>
  </si>
  <si>
    <t>Project for street lighting – change to LED.</t>
  </si>
  <si>
    <t xml:space="preserve">Street lighting project – conversion to LED lighting </t>
  </si>
  <si>
    <t xml:space="preserve">Street lighting project – change to LED lighting. </t>
  </si>
  <si>
    <t>Replacement of 200 m 36-year-old district heating pipe with new high-insulation series 3 pipes.</t>
  </si>
  <si>
    <t>New straw-fired boiler plant</t>
  </si>
  <si>
    <t>Energi optimization of street lighting. Changing to LED-fixtures</t>
  </si>
  <si>
    <t>District heating expansion. Conversion from natural gas to district heating.</t>
  </si>
  <si>
    <t>Renovation of street ligting including changing fixtures</t>
  </si>
  <si>
    <t>Renovation of 45 years old transmission pipeline in residential area. Covers 74 properties. Expected useful life: 50 years.</t>
  </si>
  <si>
    <t>Pipes, heat pump, straw bale shredder, geothermal system</t>
  </si>
  <si>
    <t>Expansion of district heating area putting an end to local burning of oil and gas</t>
  </si>
  <si>
    <t xml:space="preserve">Expenditure for energy savings and the ESCO project </t>
  </si>
  <si>
    <t>Electric ferry, a 4-year innovation project intended to design, build and test a 100% electric medium-sized ferry. The ferry is co2-neutral – no emission whatsoever. The electric ferry is working on getting an agreement with a power company to ensure that they receive certified green electricity. Savings of 14,500 kg NOx annually.</t>
  </si>
  <si>
    <t xml:space="preserve">Electric ferry, a four-year innovation project with the aim of designing, building and testing a 100% electrically powered medium-sized ferry. The ferry is CO2-neutral – no emissions at all. The electric ferry is working on an agreement with a power supplier providing certified green power. Also includes a reduction of 14,500 kg NOx annually. </t>
  </si>
  <si>
    <t xml:space="preserve">Electric ferry, a four-year innovation project with the aim of designing, building and testing a 100% electrically powered medium-sized ferry. The ferry is CO2-neutral – no emissions at all. The electric ferry is working on an agreement with a power supplier providing certified green power. </t>
  </si>
  <si>
    <t>Two new transmission systems</t>
  </si>
  <si>
    <t>Renovation of 4.5 kilometres of mains and 2.9 kilometres of service pipes. 125 households have been converted from oil burners to district heating.</t>
  </si>
  <si>
    <t>Renovation and redistribution of transmission system</t>
  </si>
  <si>
    <t>New hybrid ferry</t>
  </si>
  <si>
    <t>Replacement of heating pipes.</t>
  </si>
  <si>
    <t>Heatpump driven by treated wastewater. The heatpump produced 8 MW, corresponding to approximately 3500 households. Expected useful life: 30+ years</t>
  </si>
  <si>
    <t>440 KWh air to water heat pump. Expected useful life: 30 years</t>
  </si>
  <si>
    <t>Establishment of piping network for new supply area</t>
  </si>
  <si>
    <t>Conversion of individual natural gas biolers to district heating in industrial areas</t>
  </si>
  <si>
    <t>Expansion of district heating supply area to replace natural gas. Gains socioeconomic, energy and co2 reductions. Includes new pipes and servicepipes. As the used fuel transitions to CO2 neutral, the CO2 reduction will be enhanced to approximately 1040 tonnes/yearly. Expected useful life: +40 years</t>
  </si>
  <si>
    <t xml:space="preserve">Extension of district heating supply area replacing natural gas supply. Establishing district heating units at end users. </t>
  </si>
  <si>
    <t>Replacement of district heating pipelines, 410 metres + 23 outlets</t>
  </si>
  <si>
    <t>Transmission line for CO2-neutral district heating for corporate customers.</t>
  </si>
  <si>
    <t>Expansion of district heating supply area</t>
  </si>
  <si>
    <t>Solar heating system for approx. 1800 consumers, 24,500 m2 solar panels and 800 m transmission pipes</t>
  </si>
  <si>
    <t>Solar heating system for approx. 1800 consumers, 24,500 m2 solar panels (produces approx. 12,800 MWh annually) and 800 m transmission pipes</t>
  </si>
  <si>
    <t xml:space="preserve">Complete renovation of water works. Results in an annual reduction of water loss of 5%. Also produces 2 KWh annually. Reduction of CO2 by 2 tonnes annually. Electronic scale removal.  </t>
  </si>
  <si>
    <t xml:space="preserve">New district heating plant based on straw burning. Oil firing systems for storage for peak periods and stockpiling </t>
  </si>
  <si>
    <t>Construction costs for lightrail. The lightrail replaces a diesel-run train on the same route.  Some city busses will be discontinued and rerouted to the lightrail, and, similarly, the lightrail is expected to result in fewer cars on the road. These savings in diesel fuel have not been included in the calculation.</t>
  </si>
  <si>
    <t>Construction costs for light rail. the light rail replaces a diesel train on the same section. Some city busses will be closed down and redicted to the light rail. The light rail is also expected to result in fewer cars on the roads. These reductions in diesel have not been included in the calculation.</t>
  </si>
  <si>
    <t xml:space="preserve">Pipe renovation and optimization of transmission system. </t>
  </si>
  <si>
    <t>Solar heating system, district heating points and pipe renovation</t>
  </si>
  <si>
    <t xml:space="preserve">New purification plant and separated sewer system. 11,000 m pipes. Capacity 100,000 PE. Annual amount of treated wastewater: 7,000,000 PE. 50,000 people get their wastewater treated in an area of 2,023 ha. Annual reduction of emissions: 22,000 kg nitrogen, 1,000 kg phosphorus, 620 kg organic material (BI5). By 2022 the plant is expected to be able to remove medical remnants.  Annual amount of wastewater sludge which is treated and arranged: 1,022 tonnes, 21% TS, 0% sludge is incinerated. Production of green energy 4,400,000 KWh annually. Reduction of CO2-emissions 114 tonnes annually. </t>
  </si>
  <si>
    <t>New purification plant and separated sewer system. 11,000 m pipes. Capacity 100,000 PE. Annual amount of treated wastewater: 7,000,000 PE. 50,000 people get their wastewater treated in an area of 2,023 ha. Annual reduction of emissions: 22,000 kg nitrogen, 1,000 kg phosphorus, 620 kg organic material (BI5). By 2022 the plant is expected to be able to remove medical remnants.  Annual amount of wastewater sludge which is treated and arranged: 1,022 tonnes, 21% TS, 0% sludge is incinerated. Production of green energy 4,400,000 KWh annually. Reduction of CO2-emissions 114 tonnes annually.</t>
  </si>
  <si>
    <t xml:space="preserve">1.5 MW air to water heat pump with additional 1,500 m3 accumulation tank. Expected useful life: 25-30 years.  </t>
  </si>
  <si>
    <t>Renovation of boring</t>
  </si>
  <si>
    <t>Renovation of waterworks</t>
  </si>
  <si>
    <t>Energy-saving initiatives</t>
  </si>
  <si>
    <t>Replacement of light fittings</t>
  </si>
  <si>
    <t>Expansion of waterworks</t>
  </si>
  <si>
    <t>Renovation of chip-fired burner.</t>
  </si>
  <si>
    <t>New water well as security and new meters. No changes in capacity (60,000 m3) and number of persons (500)</t>
  </si>
  <si>
    <t>Expansion of production facility and water distribution system</t>
  </si>
  <si>
    <t>Battery system (geothermal heating) resulting in an annual reduction of 1/3 of consumption.</t>
  </si>
  <si>
    <t xml:space="preserve">Renovation of water distribution system as well as establishment of connecting pipe. </t>
  </si>
  <si>
    <t>Carbon filter system</t>
  </si>
  <si>
    <t>Renovation of water works</t>
  </si>
  <si>
    <t>New sewage laterals. Renovation and construction of pumping stations.</t>
  </si>
  <si>
    <t>Renovation of water distribution system</t>
  </si>
  <si>
    <t>Renovation and isolation of digestion tank.</t>
  </si>
  <si>
    <t>Replacement of gauges and renovation of waterworks</t>
  </si>
  <si>
    <t>Establishing a new drill site with an expected useful life of 25 years to replace the old site, which had been contaminated with a pesticide. The site’s dimensioned capacity has dropped from 17 m3 to 9 m3, but the new raw water pump has a lower consumption of electricity than the old one and contributes with clean drinking water for the same amount of people as before.</t>
  </si>
  <si>
    <t>Establishing an emergency water pipe. Expected useful life: 40 - 50 years</t>
  </si>
  <si>
    <t>Water pipes, gauges etc.</t>
  </si>
  <si>
    <t>Establishing a 1.5 kilometres emergency supply pipe. A pumping station ensures that the emergency supply connection is activated in the event of loss of pressure or through manual implementation for example during maintenance work.</t>
  </si>
  <si>
    <t>Replacement of 1400 metres of water mains and 34 service pipes. Old pipes: iron/eternit, new pipes: PE. The purpose of the replacement is to lower the loss of water by 5 %, improve troubleshooting in the future and avoid expensive repairs on worn down pipes.</t>
  </si>
  <si>
    <t>Buying land to ensure control over well field area, ensuring pure water in the future.</t>
  </si>
  <si>
    <t>Establishment of an emergency supply pipe</t>
  </si>
  <si>
    <t>Water supply</t>
  </si>
  <si>
    <t>Piping</t>
  </si>
  <si>
    <t>New mains, service pipes and meters.</t>
  </si>
  <si>
    <t>Renovation of water pipes</t>
  </si>
  <si>
    <t>Water distribution system</t>
  </si>
  <si>
    <t>1.1 kilometres supply pipe between an elevated water storage tank and a boosting pump. Replacement of boosting pump to achieve a stable pressure for the area. Expected useful life: 50 years. Consumption of electricity is reduced by approx. 15,000 kWh annually.</t>
  </si>
  <si>
    <t>323 fittings have been changed to LED and 2,322 light sources changed to LED-sources (retrofit).</t>
  </si>
  <si>
    <t>Rinsing-water reservoir</t>
  </si>
  <si>
    <t>Electric heat pump systems using heat from fresh air</t>
  </si>
  <si>
    <t>Renovation of water distribution system and sectioning</t>
  </si>
  <si>
    <t xml:space="preserve">Maintaining supply safety through pipe renovation. 11 buildings provided with sewers. Separation of rain and wastewater. Overflow protection. </t>
  </si>
  <si>
    <t>Construction of new pumping station for the distribution of district heating.</t>
  </si>
  <si>
    <t>New waterworks</t>
  </si>
  <si>
    <t>Separate sewerage</t>
  </si>
  <si>
    <t>Reservoirs</t>
  </si>
  <si>
    <t>Improving bathing water quality through analysis of sources for pollution.</t>
  </si>
  <si>
    <t>Renovation of 850 metres of pipes, new pipes for a new area, screening for pesticides</t>
  </si>
  <si>
    <t>The heat station will comprise nine electric heat pumps producing district heating on the basis of waste heat from a data centre. In addition to the heat pumps, the building will have electrical installations for the supply of the heat pumps and various circulation pumps for district heating and waste heat. The station may later on be expanded with additional heat pumps</t>
  </si>
  <si>
    <t>Modernisation of waterworks incl. a new boring</t>
  </si>
  <si>
    <t>Sock lining pipes, renovation of well and remote inspections of the pipenetwork.</t>
  </si>
  <si>
    <t>Climate adaptation</t>
  </si>
  <si>
    <t>Replacement of meter network and weighbridge in connection with the purchase of energy.</t>
  </si>
  <si>
    <t>Installation of 2 thermal heat pumps that saves on the purchase of wood chips. Wood chips are CO2-neutral and thus there is no reduction in CO2.</t>
  </si>
  <si>
    <t>Purification plant</t>
  </si>
  <si>
    <t>Includes pipe construction to viaduct through the establishment of a new PE-pipe including connections to service pipes and replacement of valves. Service pipes of iron are replaced. The establishment of a new 700 metres long PE-pipe is a matter of protecting resources. Annual reduction in water loss is approx. 250 m3.</t>
  </si>
  <si>
    <t>Renovation of water pipes 3,275 metres, replacement of 28 sewer laterals and construction of 5 new laterals. 6 valves have been replaced and 1 new valve has been established. Quality control programme, implementing of drinking water safety in all supply areas at a level corresponding to the requirements in ISO 22000 on Food Safety Management. Maintenance of water works.</t>
  </si>
  <si>
    <t xml:space="preserve">Construction of new waterworks. Water is contained in clean water tanks in stainless steel. Lowering emissions of a range of substances. Expected reduction in water loss by 5%. </t>
  </si>
  <si>
    <t>Investments concerning water supply</t>
  </si>
  <si>
    <t>Resource protection. Purchase of land of 22.24 ha, adjoining drilling area. The land is leased to an organic farmer and is subject to a covenant that the land can be used for organic farming only</t>
  </si>
  <si>
    <t>Replacement of mains and service pipes. Reduced loss of water.</t>
  </si>
  <si>
    <t>Wastewater treatment plant</t>
  </si>
  <si>
    <t>Local purification of lakewater after breakage of drainagepipe, monitoring larger drainagepipes with recipients.</t>
  </si>
  <si>
    <t>Water distribution system and sectioning</t>
  </si>
  <si>
    <t>Renovation of chip-fired boiler, replacement of meters, construction work on district heating grid.</t>
  </si>
  <si>
    <t>Solar heating system, extension of solar collectors. Savings gas during spring and fall.</t>
  </si>
  <si>
    <t xml:space="preserve">Renovation of 500 metres of district heating pipelines, new pipelines (series 3) to provide additional insulation. </t>
  </si>
  <si>
    <t xml:space="preserve">Renovation of waterworks. Establishing well field. </t>
  </si>
  <si>
    <t xml:space="preserve">New waterworks </t>
  </si>
  <si>
    <t>Complete renovation of water treatment facility from cascade aeration and open filters to modern waterworks with closed aeration system and two lines with pressurized double filtration, so that the water circuit is closed. Furthermore, renovation of clean water tank.</t>
  </si>
  <si>
    <t xml:space="preserve">Renovation of 1.4 kilometres of pipes. Replacement of 68 sewer laterals and construction of 10 new ones. Replaced 9 valves and established 1 new one. Systematic search for leakage with monitoring, so that loss of water can be kept below 10%. Establishing a hydraulic knowledge of the total infrastructure for the diversion of rain- and wastewater in the municipality. </t>
  </si>
  <si>
    <t>Refiltration plant, replacement og gauges, new drilling site and hook up to main.</t>
  </si>
  <si>
    <t xml:space="preserve">Complete renovation of water works, e.g. the filtration plant. A system will be established which will reuse flushing water instead of leading it down the drain. </t>
  </si>
  <si>
    <t>Replacement of parts of the water distribution system</t>
  </si>
  <si>
    <t>Sectioning, renovation of pipes, replacing existing water meters to meters that can be read remotely.</t>
  </si>
  <si>
    <t>Renovation of pipes, replacing water meters</t>
  </si>
  <si>
    <t>Renovation of waterpipes to reduce waste of water. 2531 replaced/renovated pipes is expected to lower water loss by 7% yearly.</t>
  </si>
  <si>
    <t>Investment in waterworks</t>
  </si>
  <si>
    <t>The project concerns service pipes and district heating extension in areas previously zoned for natural gas supply</t>
  </si>
  <si>
    <t>Purification plant and water distribution system</t>
  </si>
  <si>
    <t>Replacement of street lighting, renovation of fittings and light sources.</t>
  </si>
  <si>
    <t>Establishment of additional clean water tank of 205 m3 (reliability of supply)</t>
  </si>
  <si>
    <t>Pipes and pumping stations</t>
  </si>
  <si>
    <t>Pipe renovation</t>
  </si>
  <si>
    <t>Modernisation of train tracks</t>
  </si>
  <si>
    <t>New waterwork replacing an older. Directs rinse water to a closed tank, wherefrom cleared water is directed to seepage.</t>
  </si>
  <si>
    <t>Renovation of sewerage</t>
  </si>
  <si>
    <t xml:space="preserve">Extraction and distribution of domestic water  </t>
  </si>
  <si>
    <t>Climate adaptation initiatives</t>
  </si>
  <si>
    <t>Sectioning</t>
  </si>
  <si>
    <t>Clean water tanks and filters.</t>
  </si>
  <si>
    <t xml:space="preserve">Resource protection. 54 ha groundwater protecting forest reserve planted </t>
  </si>
  <si>
    <t xml:space="preserve">New water works with a capacity from 88,000 m3 to 125,000 m3. Number of persons from 460 to 600. Installation of sand filter for water treatment. 6 KW solar panel system </t>
  </si>
  <si>
    <t>Renovation of 2.3 kilometres of water mains. Replacement of 22 sewer laterals and construction of 16 new laterals. Replacement of 6 valves and establishment of 5 new ones. Targeted search for leakage through surveillance equipment aimed at keeping water loss below 4%. Implementation of drinking water safety in all supply areas at a level corresponding to the requirements in ISO 22000 on Food Safety Management. Maintenance of waterworks.</t>
  </si>
  <si>
    <t>Renovation of pipes</t>
  </si>
  <si>
    <t>Replacement of district heating pipes, service pipes and replacement of valve chambers.</t>
  </si>
  <si>
    <t>Setting up a chip-fired boiler for summer operations and a new bio oil tank. Excavation of 2 100,000 litre oil tanks + isolation of new tank for bio oil. CO2-neutral fuel consisting of wood chips and bio oil. The new boiler will phase out the use of bio oil by 95%. In the future oil will only be used in emergencies.</t>
  </si>
  <si>
    <t>Renovation and optimization of the purification plants</t>
  </si>
  <si>
    <t>Renovation of 0.5 kilometers waterpipes including replacing 92 water meters.</t>
  </si>
  <si>
    <t>waterworks and pipes</t>
  </si>
  <si>
    <t>Renovation of water mains and laterals</t>
  </si>
  <si>
    <t>waterworks and water pressure boosters</t>
  </si>
  <si>
    <t>Renovation of 2.3 kilometers waterpipes and replacing 38 water meters</t>
  </si>
  <si>
    <t>Development project; the purpose of which is to develop new purification methods. Special focus has been on taking out as much primary sludge as possible from a treatment plant to create biogas. In relation to the piping network, the project aims to fight hydrogen sulphide and localise unwanted water. The study also involves the removal of medicinal residues. Size of the plant is 5,000 PE</t>
  </si>
  <si>
    <t xml:space="preserve">New water boring and pipe. Ensures urban development and water supply. Increase of 50 m3/hour at full operation, which doubles the output. Approx. 10.000 consumers. New pipes: 1,800 m. Renovation of pipes: 350 m. Replacement of pipes 350 m. Produces a saving on water of 2% annually. </t>
  </si>
  <si>
    <t>Renovation of plant, including replacement of PLC, sludge extraction system.</t>
  </si>
  <si>
    <t>Sewerage, CIPP Lining, renovation of pumping stations/purification plants</t>
  </si>
  <si>
    <t>SCADA-systems, renovation of mains and laterals, new pipes</t>
  </si>
  <si>
    <t>Renovation of sewer main and laterals, acute repairs, SRO systems</t>
  </si>
  <si>
    <t>Cover for combined sewerage basins, renovation and extension of combined sewerage basins, ensuring security of supply</t>
  </si>
  <si>
    <t>Pipe renovation, water gauges and extension of boring site</t>
  </si>
  <si>
    <t>Renovation of 3.5 kilometers waterpipes and installation of 142 water meters with remote meter reading</t>
  </si>
  <si>
    <t>Sewer renovation</t>
  </si>
  <si>
    <t>The green purpose of the project involves protection of resources, energy, health and environment through the establishment of new pipes for developments as well as for renovation projects in which 2,050 metres of mains including sewer laterals have been replaced with new pipes and 1,750 metres of new pipes have been laid down. The dimension of the waterworks capacity has been increased from 500 m3 to 600 m3, which will result in a reduction of groundwater extraction of 38,000 m3, an annual reduction in water loss of 0.3 % as well as a reduction in substances like iron, ammonium and manganese. The project is a part of a local water collaboration, which pays to abolish fuels and wells that are unused.  Overall, the project contributes to the municipal climate plan, in which the primary aim is a reduction of the total amount of CO2.</t>
  </si>
  <si>
    <t>Establishing a 'climatepark' for collection of surface runoff. Basin 10.000 m3. 300 metres of new pipes laid.</t>
  </si>
  <si>
    <t xml:space="preserve">Climate project, land development and 5,969 m of pipes/pipelines laid. New basin of 370 m3 </t>
  </si>
  <si>
    <t>Renovation of main, approx. 3 kilometres.</t>
  </si>
  <si>
    <t>Water work</t>
  </si>
  <si>
    <t>750 KWh heat pump for wind energy. Avoids using 4,500 m3 wood chips. Expected useful life: 20 years.</t>
  </si>
  <si>
    <t>Purification plant and expansion of filtration building</t>
  </si>
  <si>
    <t>SCADA-systems, sectioning, clean water tank and renovation of pipes</t>
  </si>
  <si>
    <t>Replacement of water mains as well as establishment og new water pipes</t>
  </si>
  <si>
    <t>New establishment of 100 m of pipelines/pipes. 1,108 m of pipelines/pipes replaced. Annual reduction of water loss of 2%. New filtration plant. Reduction of pollution risk. Reduced electricity consumption. Capacity of 150 m3</t>
  </si>
  <si>
    <t>Renovation of pumping stations, renovation of plants and pipes.</t>
  </si>
  <si>
    <t>Renewal and redistribution of water pipes</t>
  </si>
  <si>
    <t xml:space="preserve">Construction of new water works. Expected useful life is 50 years. 100 metres of pipes replaced. Pumps are more energy-friendly than the previous ones. Division into districts has been implemented. Optimization of troubleshooting to reduce loss of water. </t>
  </si>
  <si>
    <t>Water pipe, softening system, pumps and gauges</t>
  </si>
  <si>
    <t>Renovation of water distribution system and site development</t>
  </si>
  <si>
    <t xml:space="preserve">Renovation of pipes, pumping stations and work related to basins. New sewer laterals, climate adaptation measures including rain beds, rainwater pipes and separation of surface runoff. Coastal protection. </t>
  </si>
  <si>
    <t xml:space="preserve">Several projects, DKK 5.4 million spent on new pumps for softening of drinking water to a water hardness of dh 19 (previously 26). 2,000 m of pipelines have been replaced </t>
  </si>
  <si>
    <t>Renovation and modernization of transmission system. The plant is already CO2-neutral (free of fossil fuels).</t>
  </si>
  <si>
    <t>Distribution of drinking water, sewerage and investment in purification plant</t>
  </si>
  <si>
    <t>In accordance with the wastewater management plan the project concerns working towards climate adaptation of the sewers before 2040. The work is carried out through diversion of rainwater and rebuilding with larger sewers. The climate adaptation is incorporated into the ongoing renovation.</t>
  </si>
  <si>
    <t>The project uses excess heat from internal processes. Enhancing the plant's total efficincy by 1%. Descreases thermal pollution to the local bay. The CHP plant uses biomass.</t>
  </si>
  <si>
    <t>Reinvestment in sewer transportation system</t>
  </si>
  <si>
    <t xml:space="preserve">37 projects in different municipal institutions. Replacement of lighting, insulation of heating pipes, electrical insulation, insulation and new windows, replacement of pump, water-automation, thermostat valves etc. </t>
  </si>
  <si>
    <t>Laying of new sewer and sewer renovation</t>
  </si>
  <si>
    <t>Sewerage and water purification plant</t>
  </si>
  <si>
    <t>Meter laboratory and geographical information system</t>
  </si>
  <si>
    <t>Sewerage and sewer renovation</t>
  </si>
  <si>
    <t>Ensure sewerage supply in urban densification and development projects, renovation of pipes for use in climate adaptation of the rain- and wastewater system, efforts to detect extraneous water, separate sewerage, renovation of buildings, pumping stations and sewerage systems.</t>
  </si>
  <si>
    <t>Renovation of sewer mains and sewer laterals, climate adaptation measures</t>
  </si>
  <si>
    <t>Investment concerning water and wastewater</t>
  </si>
  <si>
    <t>Renovation of sewer pipes and purification plant</t>
  </si>
  <si>
    <t xml:space="preserve">Pipes for detention basin ensuring sufficient capacity, adjustment of terrain, renovation of overflow-drain. Sewer redevelopment, which causes a 50% reduction in overflow annually, local rainwater diversion and 3,750 metres of pipe renovation, energy optimization of pumps as well as ensuring a good work environment. </t>
  </si>
  <si>
    <t>New water work</t>
  </si>
  <si>
    <t>Establishing temporary basins, renovation of 4.8 kilometres of pipes, sewerage in areas where seeping of rainwater is not possible.</t>
  </si>
  <si>
    <t>Seperate sewerage, renovation of pumping stations</t>
  </si>
  <si>
    <t>Reservoir</t>
  </si>
  <si>
    <t>Sewer pipes</t>
  </si>
  <si>
    <t>Water distribution system and water container</t>
  </si>
  <si>
    <t>Renovation of waterworks, conversion of SCADA-system, renovation of pipes, sectioning</t>
  </si>
  <si>
    <t>Water distribution system and purification plant</t>
  </si>
  <si>
    <t>Wastewater sewerage in holiday area, 7,350 m of new pipelines/pipes</t>
  </si>
  <si>
    <t xml:space="preserve">Sectioning, metres, piping and renovation of water tower. Less loss of water and higher water quality. </t>
  </si>
  <si>
    <t>In connection with new well fields and a new waterworks a 5,667 metres raw water pipe will be established. The pipe will ensure the constant water supply for a future hospital through a ring system.</t>
  </si>
  <si>
    <t>Rinsing water basins and aeration systems.</t>
  </si>
  <si>
    <t>Water distribution system and water filters</t>
  </si>
  <si>
    <t>Sewerage and sewer redevelopment</t>
  </si>
  <si>
    <t>Laying of sewer in connection with site development</t>
  </si>
  <si>
    <t>Sewer transportation system</t>
  </si>
  <si>
    <t xml:space="preserve">New building, establishment of clean water tank, filters and emergency pipe, new pipes 2,600 m. </t>
  </si>
  <si>
    <t>2.5 kilometres of pipe renovation, replacement of 32 sewer laterals and the construction of 6 new ones, replaced 6 valves and established 3 new ones, systematic search for leakage with monitoring so that water loss can be kept below 7 %. Monitoring for well fields and new section wells.</t>
  </si>
  <si>
    <t>Sewerage and water distribution system</t>
  </si>
  <si>
    <t>Water pipes and pumping station</t>
  </si>
  <si>
    <t>Seperate sewerage</t>
  </si>
  <si>
    <t>Sewerage and purification plant</t>
  </si>
  <si>
    <t>Separation and closure of purification plant</t>
  </si>
  <si>
    <t>Renovation of wastewater work</t>
  </si>
  <si>
    <t xml:space="preserve">Pipe renovation, detention basins, pumping stations, sewerage, new sewer laterals, renovation and expansion of purification plant. </t>
  </si>
  <si>
    <t>Closing down of four existing plants and establishment of new waterworks. Closed filters, 20 km newly laid pipelines, 500 m renovated</t>
  </si>
  <si>
    <t xml:space="preserve">Reinvestment in CO2-neutral district heating. Production plant based on wood chips. The production plant has a higher performance which will improve fuel efficiency by 10% </t>
  </si>
  <si>
    <t>Sewerage projects</t>
  </si>
  <si>
    <t>Climate adaptation project</t>
  </si>
  <si>
    <t>New waterworks, pipes, drilling sites and gauges</t>
  </si>
  <si>
    <t>Establishing remote reading of gauges, renovation of water distribution system etc.</t>
  </si>
  <si>
    <t>Wastewater pipes</t>
  </si>
  <si>
    <t>Climate adaptation measures, relocation pipes</t>
  </si>
  <si>
    <t>Renovation of well field, conversion of SCADA-system and renovation of pipes.</t>
  </si>
  <si>
    <t>Water pipes, sectioning, extraction and drilling sites</t>
  </si>
  <si>
    <t>Drainage of rainwater, water distribution system and pumps etc.</t>
  </si>
  <si>
    <t>waterworks, water distribution system, gauge reading</t>
  </si>
  <si>
    <t>Replacement of 32-years old wood chip boiler. New boiler means improved combustion and thus less consumption of wood chips. Wood chips are considered CO2-neutral, thus there are no savings on CO2, but a 4% improved utilization.</t>
  </si>
  <si>
    <t>New bassin, renovation of pipes and sewer laterals, equipment shelter</t>
  </si>
  <si>
    <t>Sectioning, renovation of pipes, water descaler</t>
  </si>
  <si>
    <t>New storage facility for wood pellets.</t>
  </si>
  <si>
    <t>Water plan and separate sewerage</t>
  </si>
  <si>
    <t>Rinsing water basins</t>
  </si>
  <si>
    <t>Accumulation tank. Expected useful life: 20 years</t>
  </si>
  <si>
    <t>Renovation of sewerage including wastewater pipes, pumping stations, retention basin, new sewer laterals, climate adaptation measures of drainingesystem.</t>
  </si>
  <si>
    <t>Renovation of 2.5 kilometres of pipes, screening for pesticides, updating SCADA-system</t>
  </si>
  <si>
    <t xml:space="preserve">Establishing a new solar heating system. As the plant used wood pellets before, it remains co2 neutral. The fuelconsumption is reduced by 3 tonnes of wood pellets and a smaller reduction of gas used for oil boilers. </t>
  </si>
  <si>
    <t>waterworks</t>
  </si>
  <si>
    <t>Climate adaptation, redistribtion of pipes due to new public transportation lines, pipes renovation including sewer laterals</t>
  </si>
  <si>
    <t>Pipes, ultrasound measuring and softening systems</t>
  </si>
  <si>
    <t>Severing of purification plant</t>
  </si>
  <si>
    <t>Replacement of PLC.</t>
  </si>
  <si>
    <t>Renovation of raw water system, renovation of pipes</t>
  </si>
  <si>
    <t>New waterworks replacing and existing from 1971. Capacity increases, lowering CO2 with 0.2 tonnes yearly. Expected useful life: 50 years</t>
  </si>
  <si>
    <t>Climate adaptation projects. Sewerage, seperate sewerage and rainwater bassin. 50 to 75 years service life</t>
  </si>
  <si>
    <t>Renovation of 3.0 waterpipes, including one main. Renovation of pumping station and rebuilding 8 smaller pumping station. Climate adaptation project, flood proofing</t>
  </si>
  <si>
    <t>SCADA-systems, sectioning, renovation of pipes, replacing water meters.</t>
  </si>
  <si>
    <t xml:space="preserve">New pressure pipes (16,866 metres) for transporting wastewater to a new purification plant. The purpose is a reduction of emissions and improved purification, reduction of CO2 and an improved work environment. Expected useful life 10-75 years. </t>
  </si>
  <si>
    <t>Capital expenditure for water supply</t>
  </si>
  <si>
    <t xml:space="preserve">Water pipes </t>
  </si>
  <si>
    <t xml:space="preserve">Renovation of pipes, SCADA systems </t>
  </si>
  <si>
    <t>Piping, biogas engine and pipes. Conversion of oil burner to district heating.</t>
  </si>
  <si>
    <t>Climate adaptation measures, rainwater management, renovation of mains and laterals. SCADA-systems</t>
  </si>
  <si>
    <t>Replacing a 6 MW strawboiler from 1994. Expected 10% lower use of straw corresponding to 600 tonnes. Useful life is 20 years</t>
  </si>
  <si>
    <t>Renovation of pipes and water tower</t>
  </si>
  <si>
    <t>Redistribution of pipes due to new public transporation, handling surfacewater, renovation of pipes.</t>
  </si>
  <si>
    <t>Sectioning, renovation of pipes</t>
  </si>
  <si>
    <t xml:space="preserve">Renovation of 2.9 kilometers pipes, 250 meters new drinking water- and raw water pipes, systematic measures to search for leakages, screening for pesticides, updated SCADA system  </t>
  </si>
  <si>
    <t xml:space="preserve">Sewer renovation and site development </t>
  </si>
  <si>
    <t>waterworks and water distribution system</t>
  </si>
  <si>
    <t>Sewerage and pumping stations</t>
  </si>
  <si>
    <t>Sectioning, replacing water meters, renovation of pipes</t>
  </si>
  <si>
    <t>Renovating 2.7 kilometers waterpipes and establishing water laterals. Installing 86 water meters that can be read remotely.</t>
  </si>
  <si>
    <t xml:space="preserve">Sewerage  </t>
  </si>
  <si>
    <t>Renovation and expansion of water distribution system</t>
  </si>
  <si>
    <t>Renovation of wastewater mains and laterals, seperate sewerage</t>
  </si>
  <si>
    <t>Extension of wastewater treatment plant. Reduces energy consumption</t>
  </si>
  <si>
    <t xml:space="preserve">The green purpose of the project is to ensure security of supply. Redistribution and renovation of grid, upsizing of pressure conditions. </t>
  </si>
  <si>
    <t>Drilling sites and water distribution system</t>
  </si>
  <si>
    <t>New purification plant</t>
  </si>
  <si>
    <t>Tunnels, pipes and pumping stations</t>
  </si>
  <si>
    <t>Separate sewerage projects, 10,948 m of pipelines/pipes have been replaced</t>
  </si>
  <si>
    <t>Renovation of 6.9 kilometres pipes, systematic search for leakages, screening for pesticides, drinking water control programme</t>
  </si>
  <si>
    <t>Renovation of 6.2 kilometres of water mains. Necessary rerouting in connection with light rail. Replacement of 63 sewer laterals and construction of 11 new ones. Replacement of 9 valves and establishment of 4 new ones. Systematic search for leakage with monitoring so that loss of water can be kept below 8%. Implementation of drinking water safety in all supply areas at a level corresponding to the requirements in ISO 22000 on Food Safety Management.</t>
  </si>
  <si>
    <t>Construction of new water works. Afforestation 50 ha in reclamation area for the protection of the well field.</t>
  </si>
  <si>
    <t>Renovating 3.9 kilometres waterpipes and replacing 80 water meters. Establishing new water laterals.</t>
  </si>
  <si>
    <t xml:space="preserve">Monitoring wells, renovation of waterworks, renovation of 7.8 kilometres of pipes, replacement of 111 sewer laterals and construction of 19 new ones. Replacement of 10 valves and establishment of 5 new ones. Systematic search for leakage. The monitoring wells have been established to ensure the sustainable extraction of drinking water. </t>
  </si>
  <si>
    <t>Using excess heat from industrial factory.</t>
  </si>
  <si>
    <t>Investment in waterworks and purification plants</t>
  </si>
  <si>
    <t>waterworks, water distribution system and reservoirs</t>
  </si>
  <si>
    <t>Cloudburst- and climate adaptation measures, renovation of pipes</t>
  </si>
  <si>
    <t>Establishing a pumping station and pressurepipe, rainwater pipe, renovation of 930 metres pipes, rainwater drainage and ditches for rainwater basins.</t>
  </si>
  <si>
    <t>Sewerage, purification plants and pumping stations</t>
  </si>
  <si>
    <t>Renovation of 2.6 kilometres waterpipes, measures to search for leakages, screening for pesticides, establishing emergency pipe.</t>
  </si>
  <si>
    <t>DKK 16.9 million: Pipes for new waterworks as well as renovation of water pipelines, new crude-water pipelines offer reduced resistance and lower energy consumption. (25,000 m new and 720 m replaced) DKK 3.7 million: Establishment of new waterworks which is more energy-efficient than the two old waterworks it replaces, DKK 3.8 million: Establishment of well fields</t>
  </si>
  <si>
    <t>Expansion of district heating supply area including both main and servicepipes. Renovation of existing district heating. Estimated avoided co2 pr. household is 183 kg. Number of household not known.</t>
  </si>
  <si>
    <t>3 investments. 13.7 millions to improvements of the waterpurification proces in open lands. 2.2 millions for extensions of baasins due to demands regarding discharges of surface water to streams. 6.7 millions to rebuilding wastewater treatment plants to wastewater reservoirs, construction of 3 pumping stations and rebuildings to avoid discharge of untreated wastewater.</t>
  </si>
  <si>
    <t>Renovation of 5.5 kilometres supply pipes including replacement of 59 water meters. Renovation of water works. Systematic search for leakages.</t>
  </si>
  <si>
    <t>Separationssystem for sewer system</t>
  </si>
  <si>
    <t>Land development, 3,400 m of new sewage pipes, renovation of 900 m pipelines, sewer systems and renovation of pumping station</t>
  </si>
  <si>
    <t>Pipes, waterworks and reservoirs</t>
  </si>
  <si>
    <t>Seperate sewerage, dredging rainwater basins.</t>
  </si>
  <si>
    <t>Extraction and distribution of domestic water, sewerage and purification plant</t>
  </si>
  <si>
    <t>Utilisation of surplus heat, expansion of transmission system, conversion from gas to district heating.</t>
  </si>
  <si>
    <t xml:space="preserve">Renovation of 2.2 kilometres pipes, 4.8 kilometres pipes laid down, systematic measures to search for leakages, screening for pesticides, drinking water control programme. </t>
  </si>
  <si>
    <t>Purification plant and reservoirs</t>
  </si>
  <si>
    <t xml:space="preserve">Establising sewerage system for a new residential area. New wastewater treatment plant and pressure pipes for transportation of waste water from old to new plant. New bassin 750 m3. 12.000 metres new pipes. </t>
  </si>
  <si>
    <t>Water pipes and renovation of water tower</t>
  </si>
  <si>
    <t>Power station renovation of couplings, updating of the leak detection system to ensure that any leaks may be detected and water wastage and heat loss may be avoided. New exchangers reduce heat loss, and pipelines have been insulated according to new norms, reduced heat loss. Conversion from natural gas to district heating.</t>
  </si>
  <si>
    <t>Sewerage in summer cottage area</t>
  </si>
  <si>
    <t>Water purification plant, sewerage and site development</t>
  </si>
  <si>
    <t>Conversion from natural gas to district heating</t>
  </si>
  <si>
    <t>Investment in sewerage in “open lands” (DKK 11.1 million). This investment involved the establishment of improved wastewater purification solutions for houses located in “open lands”/far from existing sewerage systems. These houses have previously discharged untreated wastewater to small rivers or brooks or other recipients. With the DKK 11.1 million investment significantly improved treatment of wastewater from these houses will be achieved and at the same time  the discharge of harmful substances to nature will be reduced. In 2018, sewerage systems were established in further areas. Thus, the investment comprises improved treatment solutions for about 200 households with an estimated annual wastewater discharge of approx. 26,000 m3. Investment in rainwater basins (DKK 19.6 million). The investment is made to meet growing requirements for discharging surface water to small rivers and streams. As a result of these requirements, a number of open rainwater basins were established in 2018. The function of the basins is to hold back water from heavy rainfalls and distribute the discharge over a longer period of time. In this way, the fauna available in the streams to which rainwater is discharged can be protected. In 2018, the investment comprised eight basins with a total volume of approx. 16,000 m3</t>
  </si>
  <si>
    <t>Water distribution system, pumps and reservoirs</t>
  </si>
  <si>
    <t xml:space="preserve">Renovation of wastewater mains and laterals, sectioning, SCADA conversion, renovation of pumping station. </t>
  </si>
  <si>
    <t>Replacing 2.8 castiron pipes, replacing 3.4 water pipes, systematic measures to search for leakage.</t>
  </si>
  <si>
    <t>Separate sewerage systems and climate adjustment projects. 26,000 m3 basin/facility and 36,000 m will be constructed. Annual reduction in overflow of 20,000 m3. Rainwater and wastewater have been separated to protect streams and houses against flooding. Rainwater basins have been established to purify rainwater, but also to protect the streams. Rainwater is reduced to 0,5-1 l/s/ha</t>
  </si>
  <si>
    <t>Climate adaptation measures, site development, seperate sewerage. Establishing climate streets. New basin and 2516 metres pipes. Replacing 336 metres pipes. Expected useful life: 75 years</t>
  </si>
  <si>
    <t>New waterworks, groundwater protection, 2 steel tanks 750 m3, renovation of water distribution system</t>
  </si>
  <si>
    <t>Solar heating system with 20,000 m2 collector area, 3,000 m3 heat accumulator tank. The plant delivers renewable energy and replaces</t>
  </si>
  <si>
    <t>New waterworks and water gauges</t>
  </si>
  <si>
    <t>Extraction and distribution of water and wastewater</t>
  </si>
  <si>
    <t>Sewerage in holiday area to avoid pollution from septic tanks. 125,000 m of new pipelines and pipes. Annual volume of wastewater being processed 8,200 PE</t>
  </si>
  <si>
    <t>New sewerage in relation to site development. 3.6 kilometres pipes laid and 6000 m3 wastewater processed.</t>
  </si>
  <si>
    <t>Investments concerning wastewater</t>
  </si>
  <si>
    <t>Renovation of purification plant. 32,890 metres new construction of pipes. New 430 m3 basin. Reduction of unwanted rain water 2,905 m3. Amount of wastewater treated annually 50,123 m3</t>
  </si>
  <si>
    <t>Renovation of 6.9 kilometres pipes, systematic search for leakages, screening for pesticides</t>
  </si>
  <si>
    <t>Water distribution system, purification plant, sewer redevelopment, renovation of pumps</t>
  </si>
  <si>
    <t xml:space="preserve">Climate adaptation measures. Primately seperate sewerage and establishing rainwater basins. </t>
  </si>
  <si>
    <t xml:space="preserve">Sewerage and wastewater treatment plants, bassins and replacement of approximately 20.000 m. The company is ISO14001 certified. </t>
  </si>
  <si>
    <t xml:space="preserve">Purification plant, reservoir and separation </t>
  </si>
  <si>
    <t>Purification plant and sewerage</t>
  </si>
  <si>
    <t xml:space="preserve">Solar heating system 31,224 m2 solar panels, 4,500 m3 accumulation tank as well as a transit pipe of approx. 1 kilometer. Fuel-free heating replaces the burning of wood pellets and a little natural gas. </t>
  </si>
  <si>
    <t>The green purpose of the project concerns environment, climate, and health through the establishment of a wastewater transport system replacing worn-out and oldfashioned purification plants (old ones are closed down) with a new, bigger and more modern purification plant of 419 m3, so that the capacity is increased from 1000 to 8000 PE. The plant contributes to the purification of water in an area of 543 ha, and the number of people getting their wastewater purified has increased from 540 to 5441. The annual amount of reused wastewater sludge corresponds to 121 tonnes of dry matter, which corresponds to 20.5% (based on design data and thus an estimate). The impact of chemicals is expected to be significantly improved, meaning that the resulting environmental impact will improve. The abovementioned initiatives will improve the water quality for the area's recipients and will thus contribute to a cleaner water environment.</t>
  </si>
  <si>
    <t>The green purpose of the project concerns both environment, climate, energy and health. The project involves separate sewerage of urban area, sewerage for homes located in open-country residential areas and sewerage for new urban areas with an expected useful life of 42-75 years. In total, 11,256 metres of pipe have been laid down, while 1,708 metres of pipe have been renovated and 1,170 metres have been replaced, which has provided sewerage for 108 buildings in open-country residential areas. The newly constructed sewerage system has a size of 2,600 m3 and provides a reduction in annual overflow of 3,000 m3. At the same time all rainwater is diverted at the purification plant, which gives a reduction of 60,000 m3 in unwanted rainwater. The annual amount of wastewater treated, reused or avoided surpasses 340 PE for the purification plant from own emissions.</t>
  </si>
  <si>
    <t>Reduce pollution by reducing the frequency and volume of rain-based reloads from drainage system. 8 km main pipes. 2 basins 3,100 m3 and 1,400 m3 roadside beds.</t>
  </si>
  <si>
    <t>Water supply, water distribution system, pipes and purification plant</t>
  </si>
  <si>
    <t>Redistribution of rain water, renovation of sewer mains and sewer laterals, sectioning etc.</t>
  </si>
  <si>
    <t>SCADA-systems, renovation of mains and laterals, establishing basinpipe, climate adaptation measures.</t>
  </si>
  <si>
    <t xml:space="preserve">Establishing well fields. Construction of 2 new modern waterworks. Enhanced watertreatment. Construction of 4000 m. pipes. Establishing groundwater protection. </t>
  </si>
  <si>
    <t>New chip-fired heating plant with absorption heat pump and solar heating plant. Reduced emission of flue gas. Newly developed concept for extra utilization of solar heat in combination with an absorption heat pump.</t>
  </si>
  <si>
    <t>New dual waterworks with two separate lines replacing three existing waterworks. Reduced and adjusted capacity. At the new waterworks, oxidation and filtration will take place in closed pressure filters contrary to the previous works which had direct access to the surface. Reduction of energy consumption as a result of modern, energy-efficient processing facility. Recycling facility for fibre rinse water, annual water savings of approx. 5%. Improved water treatment via UV system. 2 kw solar panel system on the roof.</t>
  </si>
  <si>
    <t xml:space="preserve">Resource protection. Construction of surface water works, purifying and processing sea water to obtain drinking water quality. The processes used in the treatment are characterised by innovative thinking, for example chlorine is NOT used. The water replaces groundwater (drinking water). Processed sea water must not be used as drinking water even though it is of drinking water quality. The water is used by the industry in the town for processing purposes. 1,700 m pipelines newly laid. </t>
  </si>
  <si>
    <t>Renovation of sewer main and laterals, bassin, sectioning</t>
  </si>
  <si>
    <t>Tunnels, pipes and ground reservoirs</t>
  </si>
  <si>
    <t>Energy optimization of a hospital by a) establishing own electrivity production via solarcells leading to an annual energy saving of 250.000 kWh b) the density of byulding is designed so that the maximum leakage will be 0.5 L/s oer m2 heated floor area by pressure testing with 50 pa and c) lower consumption of electricity used for venlitations systems, etc.</t>
  </si>
  <si>
    <t>Renovation and construction of pumping stations and bassins. Separation of surface water including e.g. establishing rainwater pipes</t>
  </si>
  <si>
    <t>Renovation of distribution system, renovation of water works, water meters.</t>
  </si>
  <si>
    <t>waterworks, elevated tank and pipes</t>
  </si>
  <si>
    <t xml:space="preserve">Renovation of wastewater management system. Renovation and diversion of pipes in connection with the construction of a light rail. Separation of road water. Projects regarding the handling of extreme rain falls. </t>
  </si>
  <si>
    <t>Cloudburst- and climate adaptation measures including pipes and rainbeds</t>
  </si>
  <si>
    <t>Renovation of pipes, replacing valves, renovating water work and construction of new water work</t>
  </si>
  <si>
    <t xml:space="preserve">850 metres rainwater pipes and 565 metres wastewater pipes, programme to measure waterquality in roadwater and a number of basins. </t>
  </si>
  <si>
    <t>Capital expenditure concerning wastewater</t>
  </si>
  <si>
    <t xml:space="preserve">Renovation of pipes, buildings and other larger elements in the drainagesystem. Renovation of pumping station. Separation of surface water incl. Establishing a rainwater tunnel and bassinpipes. </t>
  </si>
  <si>
    <t>Pipe renovation, pipe for basin, renovation of buildings and new sewer laterals. Renovation of pumping station. Assorted municipal climate projects. Separation of cloudburst protection for road in the form of a rainwater tunnel.</t>
  </si>
  <si>
    <t>Change from thermal system to hydro system. A change of the existing thermal system to a hydro system will create energy- and environmental advantages as loss of energy in the district heating system will be reduced. New transmission system (mains and service pipes) and renovation of existing pipes and pumping stations.</t>
  </si>
  <si>
    <t xml:space="preserve">Renovation and redistribution of pipes, cloudburst-protection, purification of water from roads, rainwater gardens and climate adaptation etc. </t>
  </si>
  <si>
    <t>Disposal of wastewater, establishing rainwater tunnels</t>
  </si>
  <si>
    <t>Transmission pipes to 5 larger cities and a pumping station.</t>
  </si>
  <si>
    <t>Train carriages</t>
  </si>
  <si>
    <t>Conversion to steam, new pipes and service pipes, technical facilities</t>
  </si>
  <si>
    <t xml:space="preserve">Construction costs for district heating supply, renovation of pipes, technical plant, renovation of peak load, heat pumps. Steam conversion etc. </t>
  </si>
  <si>
    <t>Cloudburst protection, cloudburst tunnel, renovation of wastewater mains and laterals.</t>
  </si>
  <si>
    <t>Renovation of pipes, new pipes and SCADA system</t>
  </si>
  <si>
    <t>Category</t>
  </si>
  <si>
    <t>Disbursement year</t>
  </si>
  <si>
    <t>Project purpose</t>
  </si>
  <si>
    <t>Emissions avoided/reduced annually</t>
  </si>
  <si>
    <t>District heating</t>
  </si>
  <si>
    <t>Energy efficiency</t>
  </si>
  <si>
    <t>Clean public transportation</t>
  </si>
  <si>
    <t>Water management</t>
  </si>
  <si>
    <t>Annual energy reduced/avoided (MWh)</t>
  </si>
  <si>
    <t>Annual renewable energy generated</t>
  </si>
  <si>
    <t>Investments in recycling station</t>
  </si>
  <si>
    <t>Procurement of separated household waste containers due to the updated Statutory Order on Waste</t>
  </si>
  <si>
    <t>Procurement of separated household waste containers and other related activities to the updated Statutory Order on Waste</t>
  </si>
  <si>
    <t>Household waste container separated in 9 (soon 10) fractions.</t>
  </si>
  <si>
    <t>Procurement of separated household waste containers and garbage truck to gather the waste</t>
  </si>
  <si>
    <t>Disintegration and unpacking technologies for collected food waste</t>
  </si>
  <si>
    <t>Treatment of park waste</t>
  </si>
  <si>
    <t>Procurement of separated household waste containers and IT systems to support general purpose</t>
  </si>
  <si>
    <t>Activites related to the updated Statutory Order on Waste</t>
  </si>
  <si>
    <t>Renewal of recycling station</t>
  </si>
  <si>
    <t>Investments and renewal in 5 recycling stations</t>
  </si>
  <si>
    <t>Procurement of separated household waste containers</t>
  </si>
  <si>
    <t>Reduction of emissions to air related to waste incineration</t>
  </si>
  <si>
    <t>Transfer hall</t>
  </si>
  <si>
    <t>Polution prevention and control</t>
  </si>
  <si>
    <t>Construction and renewal of social housing in line with the Danish Building Regulations</t>
  </si>
  <si>
    <t>Construction of new administrative building. Rain water utilization and installation of solar power for internal needs.</t>
  </si>
  <si>
    <t>Acquisition of administrative building. Energi label A2015</t>
  </si>
  <si>
    <t>Acquisition of administrative building. Energi label A2020. Solar power installations.</t>
  </si>
  <si>
    <t>Installation of energy efficient equipment. Municipal street lighting and connection to district heating</t>
  </si>
  <si>
    <t>Renovation of existing municipal buildings</t>
  </si>
  <si>
    <t>Installation of energy efficient equipment.Municipal street lighting and connection to district heating</t>
  </si>
  <si>
    <t>Renovation and installation of energy efficient equipment in existing school and nursing home</t>
  </si>
  <si>
    <t>Installation of instruments and devices for measuring, regulation and controlling energy performance of buildings</t>
  </si>
  <si>
    <t>Renewal of municipal street lighting to a more energy efficient alternative.</t>
  </si>
  <si>
    <t>Renovation and installation of energy efficient equipment in existing daycare</t>
  </si>
  <si>
    <t>Renovation and installation of energy efficient equipment in existing school and daycare</t>
  </si>
  <si>
    <t>Renovation and installation of energy efficient equipment in existing hospice</t>
  </si>
  <si>
    <t>Green buildings</t>
  </si>
  <si>
    <t>A 1.8 km long transmission line</t>
  </si>
  <si>
    <t>Electric boiler</t>
  </si>
  <si>
    <t>Establishment of accumulation tank and installation of heat meters and other measurement equipment as per Danish legislative requirements</t>
  </si>
  <si>
    <t>Establishment of new straw heating plant and expansion of district heating distribution with class 3 isolation.</t>
  </si>
  <si>
    <t>Expansion of district heating distribution</t>
  </si>
  <si>
    <t>Expansion of district heating distribution for proporties previously utilizing oil boiler</t>
  </si>
  <si>
    <t>Expansion of district heating distribution to areas previously provided by natural gas.</t>
  </si>
  <si>
    <t>Expansion of district heating distribution. Conversion from natural gas</t>
  </si>
  <si>
    <t>Expansion of district heating production and distribution. Conversion from natural gas</t>
  </si>
  <si>
    <t>Renewal of district heating pipelines</t>
  </si>
  <si>
    <t>Installation of heat meters and other measurement equipment as per Danish legislative requirements</t>
  </si>
  <si>
    <t>Expansion of district heating production and distribution</t>
  </si>
  <si>
    <t>Investments in the general district heating infrastructure</t>
  </si>
  <si>
    <t>Renovation of district heating pipelines</t>
  </si>
  <si>
    <t>Expansion and renewal of district heating distribution</t>
  </si>
  <si>
    <t>Expansion of district heating distribution to areas previously provided by gas. Additional heat production from biomass</t>
  </si>
  <si>
    <t>Expansion of district heating distribution to areas previously provided by natural gas or oil.</t>
  </si>
  <si>
    <t>Expansion of district heating distribution, connection from the indiviudal household is free of charge</t>
  </si>
  <si>
    <t>Installation of heat meters</t>
  </si>
  <si>
    <t>Installation of heat meters, provides data every hour</t>
  </si>
  <si>
    <t>Optmization of accumultion tank system, A 14 MW electrical boiler used for peak load or in case of break down. Establishing a transmission line and expansion of district heating distribution</t>
  </si>
  <si>
    <t>Electrofilter</t>
  </si>
  <si>
    <t>Emergency power systems</t>
  </si>
  <si>
    <t>High voltage installation</t>
  </si>
  <si>
    <t>Biomass fuelled energy plant</t>
  </si>
  <si>
    <t>New accumulation tank</t>
  </si>
  <si>
    <t>Biomass fuelled boiler and expansion of district heating distribution.</t>
  </si>
  <si>
    <t>Electric boiler and procurement of new land for expansion of heat pump system</t>
  </si>
  <si>
    <t>Electric boiler utilizing waste heat</t>
  </si>
  <si>
    <t>Heat pump</t>
  </si>
  <si>
    <t>Heat pump and accumulation tank</t>
  </si>
  <si>
    <t>Heat pump and renovation of district heating pipelines</t>
  </si>
  <si>
    <t>Heat pumps and assosciated equipment</t>
  </si>
  <si>
    <t>Heat pumps utilizing waste heat from nearby sewage treatment plant and waste heat from data centres. Expansion of district heating distribution and infrastructure in general</t>
  </si>
  <si>
    <t>New solar panel powered heat pumps</t>
  </si>
  <si>
    <t>Electric bioler and expansion of thermal energy storage facilities</t>
  </si>
  <si>
    <t>Heat pumps utilizing waste energy from transmission pipe</t>
  </si>
  <si>
    <t>Heat pumps utilizing waste heat from data centres.</t>
  </si>
  <si>
    <t>Establishing 7031 m2 of solar panels and accumultaion tank</t>
  </si>
  <si>
    <t>Solar energy</t>
  </si>
  <si>
    <t>Biomass fuelled energy plant and heat pump</t>
  </si>
  <si>
    <t>Expansion of district heating distribution and monitoring equipment</t>
  </si>
  <si>
    <t>Heat pumps condensing smoke from biomass heat production, electric boilers and a biomass fuelled cogeneration power plant</t>
  </si>
  <si>
    <t>Waste heat utilization</t>
  </si>
  <si>
    <t>Waste heat utilization and monitoring equipment</t>
  </si>
  <si>
    <t>N/A</t>
  </si>
  <si>
    <t>Energy</t>
  </si>
  <si>
    <t>Coastal protection</t>
  </si>
  <si>
    <t>Cloudburst adaptation</t>
  </si>
  <si>
    <t>Cloudburst and flooding adaptation through dams, sewerage and nature-based solutions</t>
  </si>
  <si>
    <t>Climate change adaptation</t>
  </si>
  <si>
    <t>New solar panel power generation utilized in the operation of a wastewater treatment plant</t>
  </si>
  <si>
    <t>Investments in the general wastewater treatment and collection infrastructure</t>
  </si>
  <si>
    <t>Willow-based watewater treatment</t>
  </si>
  <si>
    <t>New wastewater treatment and biogas plant</t>
  </si>
  <si>
    <t>Extension of a wastewater treatment plant</t>
  </si>
  <si>
    <t>Renovation and extension of wastewater treatment plant</t>
  </si>
  <si>
    <t>Detention areas for large volumes of rainwater in a sewerage system</t>
  </si>
  <si>
    <t>Detention areas for large volumes of rainwater, nature-based</t>
  </si>
  <si>
    <t>Rainwater reservoir with climate smart draining</t>
  </si>
  <si>
    <t>Pre-development of land for installation and extension of sewerage</t>
  </si>
  <si>
    <t>Sewerage extension</t>
  </si>
  <si>
    <t>Renewal of sewage system</t>
  </si>
  <si>
    <t>Sustainable water and wastewater management</t>
  </si>
  <si>
    <t>Land procurement for protection of groundwater wells from pollution.</t>
  </si>
  <si>
    <t>Well drilling</t>
  </si>
  <si>
    <t>Waterworks</t>
  </si>
  <si>
    <t>Expansion of waterworks distribution network</t>
  </si>
  <si>
    <t>Treated water tank and pumps</t>
  </si>
  <si>
    <t>Investments in the general water  collection, treatment, and distribution infrastructure</t>
  </si>
  <si>
    <t>Treated water tank</t>
  </si>
  <si>
    <t>Renovation of waterworks distribution network</t>
  </si>
  <si>
    <t>Water gauges</t>
  </si>
  <si>
    <t>Renewal of water pipes</t>
  </si>
  <si>
    <t>Renewal of water gauges</t>
  </si>
  <si>
    <t>Ultraviolet water disinfection</t>
  </si>
  <si>
    <t>Water softening</t>
  </si>
  <si>
    <t>Land procurement for protection of groundwater wells from pollution</t>
  </si>
  <si>
    <t>Infrastructure investments in public electrified transportation</t>
  </si>
  <si>
    <t>Clean transportation</t>
  </si>
  <si>
    <t>Solar power system</t>
  </si>
  <si>
    <t>New boring, piping and filtration plant</t>
  </si>
  <si>
    <t>Measurement equipment</t>
  </si>
  <si>
    <t>Energy-efficiency measures.</t>
  </si>
  <si>
    <t>Construction of a waterworks</t>
  </si>
  <si>
    <t>Renovation and extension of pipes</t>
  </si>
  <si>
    <t>Solar heating expansion</t>
  </si>
  <si>
    <t>Solar heating system</t>
  </si>
  <si>
    <t xml:space="preserve">Solar collector system and biomass boiler </t>
  </si>
  <si>
    <t>Expansion of solar heating system</t>
  </si>
  <si>
    <t>Climate project for handling the generally larger amounts of precipitation and extreme precipitation. Water from the collection sites is used for watering of trees in the town, among other things</t>
  </si>
  <si>
    <t>Purification plant, sewerage and renovation of water distribution system</t>
  </si>
  <si>
    <t>Utilisation of surplus heat</t>
  </si>
  <si>
    <t>Establishment of air to water heat pump</t>
  </si>
  <si>
    <t>District heating supply, several projects</t>
  </si>
  <si>
    <t xml:space="preserve">Electric boiler utilizing surplus electricity from windmills </t>
  </si>
  <si>
    <t>Establishing an air to water heat pump.</t>
  </si>
  <si>
    <t>Renewal of district heating pipes</t>
  </si>
  <si>
    <t>Solar collector system</t>
  </si>
  <si>
    <t>Heat pump system</t>
  </si>
  <si>
    <t>Electric heat pump system</t>
  </si>
  <si>
    <t>New solar heating system</t>
  </si>
  <si>
    <t>Emergency pump by harbor</t>
  </si>
  <si>
    <t>Pipe renovation and calorimeters</t>
  </si>
  <si>
    <t>Weatherproofing of handball arena. A rainwater basin will be established with a view to holding back rainwater. In dry weather, the basin will be used for ball games with room for two three-man football fields and seats on steps and edges. The low-lying handball arena has been flooded several times in connection with heavy rain.</t>
  </si>
  <si>
    <t>Expansion of existing solar heating system</t>
  </si>
  <si>
    <t>Replacement of meters and renovation of distribution grid.</t>
  </si>
  <si>
    <t>Sewerage</t>
  </si>
  <si>
    <t>Expansion of the supply area</t>
  </si>
  <si>
    <t>Establishment of heat pump</t>
  </si>
  <si>
    <t>District heating supply</t>
  </si>
  <si>
    <t>Change from thermal system to hydro system</t>
  </si>
  <si>
    <t>Outstanding green loans (DKK intevals)</t>
  </si>
  <si>
    <t>0-50 mDKK</t>
  </si>
  <si>
    <t>250-500 mDKK</t>
  </si>
  <si>
    <t>50-100 mDKK</t>
  </si>
  <si>
    <t>100-250 mDKK</t>
  </si>
  <si>
    <t>&gt;500 mDKK</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164" formatCode="_(* #,##0.00_);_(* \(#,##0.00\);_(* &quot;-&quot;??_);_(@_)"/>
    <numFmt numFmtId="165" formatCode="_-* #,##0_-;\-* #,##0_-;_-* &quot;-&quot;??_-;_-@_-"/>
  </numFmts>
  <fonts count="3" x14ac:knownFonts="1">
    <font>
      <sz val="11"/>
      <color theme="1"/>
      <name val="Aptos Narrow"/>
      <family val="2"/>
      <scheme val="minor"/>
    </font>
    <font>
      <sz val="11"/>
      <color theme="1"/>
      <name val="Aptos Narrow"/>
      <family val="2"/>
      <scheme val="minor"/>
    </font>
    <font>
      <b/>
      <sz val="9"/>
      <color rgb="FFFFFFFF"/>
      <name val="Verdana"/>
      <family val="2"/>
    </font>
  </fonts>
  <fills count="2">
    <fill>
      <patternFill patternType="none"/>
    </fill>
    <fill>
      <patternFill patternType="gray125"/>
    </fill>
  </fills>
  <borders count="2">
    <border>
      <left/>
      <right/>
      <top/>
      <bottom/>
      <diagonal/>
    </border>
    <border>
      <left/>
      <right/>
      <top style="thin">
        <color theme="9" tint="0.39997558519241921"/>
      </top>
      <bottom style="thin">
        <color theme="9" tint="0.39997558519241921"/>
      </bottom>
      <diagonal/>
    </border>
  </borders>
  <cellStyleXfs count="2">
    <xf numFmtId="0" fontId="0" fillId="0" borderId="0"/>
    <xf numFmtId="164" fontId="1" fillId="0" borderId="0" applyFont="0" applyFill="0" applyBorder="0" applyAlignment="0" applyProtection="0"/>
  </cellStyleXfs>
  <cellXfs count="10">
    <xf numFmtId="0" fontId="0" fillId="0" borderId="0" xfId="0"/>
    <xf numFmtId="0" fontId="0" fillId="0" borderId="0" xfId="0" applyFill="1"/>
    <xf numFmtId="165" fontId="0" fillId="0" borderId="0" xfId="1" applyNumberFormat="1" applyFont="1" applyFill="1"/>
    <xf numFmtId="165" fontId="0" fillId="0" borderId="0" xfId="1" applyNumberFormat="1" applyFont="1" applyFill="1" applyAlignment="1">
      <alignment horizontal="right"/>
    </xf>
    <xf numFmtId="165" fontId="0" fillId="0" borderId="0" xfId="0" applyNumberFormat="1" applyFill="1"/>
    <xf numFmtId="14" fontId="0" fillId="0" borderId="0" xfId="0" applyNumberFormat="1" applyFill="1"/>
    <xf numFmtId="0" fontId="0" fillId="0" borderId="1" xfId="0" applyFill="1" applyBorder="1"/>
    <xf numFmtId="0" fontId="0" fillId="0" borderId="0" xfId="0" applyFill="1" applyAlignment="1">
      <alignment horizontal="right"/>
    </xf>
    <xf numFmtId="0" fontId="2" fillId="0" borderId="0" xfId="0" applyFont="1" applyFill="1" applyAlignment="1">
      <alignment horizontal="left" vertical="top" wrapText="1"/>
    </xf>
    <xf numFmtId="165" fontId="2" fillId="0" borderId="0" xfId="1" applyNumberFormat="1" applyFont="1" applyFill="1" applyAlignment="1">
      <alignment horizontal="right" vertical="top" wrapText="1"/>
    </xf>
  </cellXfs>
  <cellStyles count="2">
    <cellStyle name="Komma" xfId="1" builtinId="3"/>
    <cellStyle name="Normal" xfId="0" builtinId="0"/>
  </cellStyles>
  <dxfs count="16">
    <dxf>
      <font>
        <b val="0"/>
        <i val="0"/>
        <strike val="0"/>
        <condense val="0"/>
        <extend val="0"/>
        <outline val="0"/>
        <shadow val="0"/>
        <u val="none"/>
        <vertAlign val="baseline"/>
        <sz val="11"/>
        <color theme="1"/>
        <name val="Aptos Narrow"/>
        <family val="2"/>
        <scheme val="minor"/>
      </font>
      <numFmt numFmtId="166" formatCode="_-* #.##0_-;\-* #.##0_-;_-* &quot;-&quot;??_-;_-@_-"/>
      <fill>
        <patternFill patternType="none">
          <bgColor auto="1"/>
        </patternFill>
      </fill>
    </dxf>
    <dxf>
      <font>
        <b/>
        <i val="0"/>
        <strike val="0"/>
        <condense val="0"/>
        <extend val="0"/>
        <outline val="0"/>
        <shadow val="0"/>
        <u val="none"/>
        <vertAlign val="baseline"/>
        <sz val="9"/>
        <color rgb="FFFFFFFF"/>
        <name val="Verdana"/>
        <family val="2"/>
        <scheme val="none"/>
      </font>
      <numFmt numFmtId="165" formatCode="_-* #,##0_-;\-* #,##0_-;_-* &quot;-&quot;??_-;_-@_-"/>
      <fill>
        <patternFill patternType="none">
          <fgColor rgb="FF5B9BD5"/>
          <bgColor auto="1"/>
        </patternFill>
      </fill>
      <alignment horizontal="left" vertical="top" textRotation="0" wrapText="1" indent="0" justifyLastLine="0" shrinkToFit="0" readingOrder="0"/>
    </dxf>
    <dxf>
      <font>
        <b val="0"/>
        <i val="0"/>
        <strike val="0"/>
        <condense val="0"/>
        <extend val="0"/>
        <outline val="0"/>
        <shadow val="0"/>
        <u val="none"/>
        <vertAlign val="baseline"/>
        <sz val="11"/>
        <color theme="1"/>
        <name val="Aptos Narrow"/>
        <family val="2"/>
        <scheme val="minor"/>
      </font>
      <numFmt numFmtId="165" formatCode="_-* #,##0_-;\-* #,##0_-;_-* &quot;-&quot;??_-;_-@_-"/>
      <fill>
        <patternFill patternType="none">
          <bgColor auto="1"/>
        </patternFill>
      </fill>
      <alignment horizontal="right" textRotation="0" indent="0" justifyLastLine="0" shrinkToFit="0" readingOrder="0"/>
    </dxf>
    <dxf>
      <font>
        <b val="0"/>
        <i val="0"/>
        <strike val="0"/>
        <condense val="0"/>
        <extend val="0"/>
        <outline val="0"/>
        <shadow val="0"/>
        <u val="none"/>
        <vertAlign val="baseline"/>
        <sz val="11"/>
        <color theme="1"/>
        <name val="Aptos Narrow"/>
        <family val="2"/>
        <scheme val="minor"/>
      </font>
      <numFmt numFmtId="165" formatCode="_-* #,##0_-;\-* #,##0_-;_-* &quot;-&quot;??_-;_-@_-"/>
      <fill>
        <patternFill patternType="none">
          <bgColor auto="1"/>
        </patternFill>
      </fill>
      <alignment horizontal="right" textRotation="0" indent="0" justifyLastLine="0" shrinkToFit="0" readingOrder="0"/>
    </dxf>
    <dxf>
      <fill>
        <patternFill patternType="none">
          <bgColor auto="1"/>
        </patternFill>
      </fill>
    </dxf>
    <dxf>
      <fill>
        <patternFill patternType="none">
          <bgColor auto="1"/>
        </patternFill>
      </fill>
    </dxf>
    <dxf>
      <fill>
        <patternFill patternType="none">
          <bgColor auto="1"/>
        </patternFill>
      </fill>
    </dxf>
    <dxf>
      <fill>
        <patternFill patternType="none">
          <fgColor indexed="64"/>
          <bgColor auto="1"/>
        </patternFill>
      </fill>
    </dxf>
    <dxf>
      <fill>
        <patternFill patternType="none">
          <fgColor indexed="64"/>
          <bgColor auto="1"/>
        </patternFill>
      </fill>
    </dxf>
    <dxf>
      <numFmt numFmtId="165" formatCode="_-* #,##0_-;\-* #,##0_-;_-* &quot;-&quot;??_-;_-@_-"/>
      <fill>
        <patternFill patternType="none">
          <fgColor indexed="64"/>
          <bgColor auto="1"/>
        </patternFill>
      </fill>
      <alignment horizontal="right" vertical="bottom" textRotation="0" wrapText="0" indent="0" justifyLastLine="0" shrinkToFit="0" readingOrder="0"/>
    </dxf>
    <dxf>
      <numFmt numFmtId="165" formatCode="_-* #,##0_-;\-* #,##0_-;_-* &quot;-&quot;??_-;_-@_-"/>
      <fill>
        <patternFill patternType="none">
          <fgColor indexed="64"/>
          <bgColor auto="1"/>
        </patternFill>
      </fill>
      <alignment horizontal="right" vertical="bottom" textRotation="0" wrapText="0" indent="0" justifyLastLine="0" shrinkToFit="0" readingOrder="0"/>
    </dxf>
    <dxf>
      <numFmt numFmtId="165" formatCode="_-* #,##0_-;\-* #,##0_-;_-* &quot;-&quot;??_-;_-@_-"/>
      <fill>
        <patternFill patternType="none">
          <fgColor indexed="64"/>
          <bgColor auto="1"/>
        </patternFill>
      </fill>
      <alignment horizontal="right" vertical="bottom" textRotation="0" wrapText="0" indent="0" justifyLastLine="0" shrinkToFit="0" readingOrder="0"/>
    </dxf>
    <dxf>
      <numFmt numFmtId="165" formatCode="_-* #,##0_-;\-* #,##0_-;_-* &quot;-&quot;??_-;_-@_-"/>
      <fill>
        <patternFill patternType="none">
          <fgColor indexed="64"/>
          <bgColor auto="1"/>
        </patternFill>
      </fill>
    </dxf>
    <dxf>
      <fill>
        <patternFill patternType="none">
          <fgColor indexed="64"/>
          <bgColor auto="1"/>
        </patternFill>
      </fill>
    </dxf>
    <dxf>
      <fill>
        <patternFill patternType="none">
          <fgColor indexed="64"/>
          <bgColor auto="1"/>
        </patternFill>
      </fill>
    </dxf>
    <dxf>
      <fill>
        <patternFill patternType="none">
          <fgColor indexed="64"/>
          <bgColor auto="1"/>
        </patternFill>
      </fill>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microsoft.com/office/2017/10/relationships/person" Target="persons/person.xml"/><Relationship Id="rId5" Type="http://schemas.openxmlformats.org/officeDocument/2006/relationships/sharedStrings" Target="sharedStrings.xml"/><Relationship Id="rId4" Type="http://schemas.openxmlformats.org/officeDocument/2006/relationships/styles" Target="styles.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0</xdr:colOff>
      <xdr:row>0</xdr:row>
      <xdr:rowOff>0</xdr:rowOff>
    </xdr:from>
    <xdr:to>
      <xdr:col>1</xdr:col>
      <xdr:colOff>2305050</xdr:colOff>
      <xdr:row>0</xdr:row>
      <xdr:rowOff>400050</xdr:rowOff>
    </xdr:to>
    <xdr:pic>
      <xdr:nvPicPr>
        <xdr:cNvPr id="2" name="Billede 1">
          <a:extLst>
            <a:ext uri="{FF2B5EF4-FFF2-40B4-BE49-F238E27FC236}">
              <a16:creationId xmlns:a16="http://schemas.microsoft.com/office/drawing/2014/main" id="{9AB846B2-A5FC-6A84-F88E-93D97089A603}"/>
            </a:ext>
          </a:extLst>
        </xdr:cNvPr>
        <xdr:cNvPicPr>
          <a:picLocks noChangeAspect="1" noChangeArrowheads="1"/>
        </xdr:cNvPicPr>
      </xdr:nvPicPr>
      <xdr:blipFill>
        <a:blip xmlns:r="http://schemas.openxmlformats.org/officeDocument/2006/relationships" r:embed="rId1">
          <a:extLst>
            <a:ext uri="{28A0092B-C50C-407E-A947-70E740481C1C}">
              <a14:useLocalDpi xmlns:a14="http://schemas.microsoft.com/office/drawing/2010/main" val="0"/>
            </a:ext>
          </a:extLst>
        </a:blip>
        <a:srcRect/>
        <a:stretch>
          <a:fillRect/>
        </a:stretch>
      </xdr:blipFill>
      <xdr:spPr bwMode="auto">
        <a:xfrm>
          <a:off x="609600" y="0"/>
          <a:ext cx="2305050" cy="400050"/>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1</xdr:col>
      <xdr:colOff>0</xdr:colOff>
      <xdr:row>0</xdr:row>
      <xdr:rowOff>0</xdr:rowOff>
    </xdr:from>
    <xdr:to>
      <xdr:col>1</xdr:col>
      <xdr:colOff>2305050</xdr:colOff>
      <xdr:row>0</xdr:row>
      <xdr:rowOff>400050</xdr:rowOff>
    </xdr:to>
    <xdr:pic>
      <xdr:nvPicPr>
        <xdr:cNvPr id="2" name="Billede 1">
          <a:extLst>
            <a:ext uri="{FF2B5EF4-FFF2-40B4-BE49-F238E27FC236}">
              <a16:creationId xmlns:a16="http://schemas.microsoft.com/office/drawing/2014/main" id="{8AD2B53B-AEAB-2639-384D-35B648850EB6}"/>
            </a:ext>
          </a:extLst>
        </xdr:cNvPr>
        <xdr:cNvPicPr>
          <a:picLocks noChangeAspect="1" noChangeArrowheads="1"/>
        </xdr:cNvPicPr>
      </xdr:nvPicPr>
      <xdr:blipFill>
        <a:blip xmlns:r="http://schemas.openxmlformats.org/officeDocument/2006/relationships" r:embed="rId1">
          <a:extLst>
            <a:ext uri="{28A0092B-C50C-407E-A947-70E740481C1C}">
              <a14:useLocalDpi xmlns:a14="http://schemas.microsoft.com/office/drawing/2010/main" val="0"/>
            </a:ext>
          </a:extLst>
        </a:blip>
        <a:srcRect/>
        <a:stretch>
          <a:fillRect/>
        </a:stretch>
      </xdr:blipFill>
      <xdr:spPr bwMode="auto">
        <a:xfrm>
          <a:off x="609600" y="0"/>
          <a:ext cx="2305050" cy="400050"/>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persons/person.xml><?xml version="1.0" encoding="utf-8"?>
<personList xmlns="http://schemas.microsoft.com/office/spreadsheetml/2018/threadedcomments" xmlns:x="http://schemas.openxmlformats.org/spreadsheetml/2006/main"/>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623738E4-853E-45ED-AD9D-54EE4AE41AD6}" name="Tabel1" displayName="Tabel1" ref="B2:H638" totalsRowShown="0" headerRowDxfId="8" dataDxfId="7" headerRowCellStyle="Normal" dataCellStyle="Normal">
  <autoFilter ref="B2:H638" xr:uid="{623738E4-853E-45ED-AD9D-54EE4AE41AD6}"/>
  <sortState xmlns:xlrd2="http://schemas.microsoft.com/office/spreadsheetml/2017/richdata2" ref="B3:H638">
    <sortCondition descending="1" ref="C2:C638"/>
  </sortState>
  <tableColumns count="7">
    <tableColumn id="1" xr3:uid="{1F9B83E6-64F1-4370-8EF9-C5854C652A8B}" name="Category" dataDxfId="15" dataCellStyle="Normal"/>
    <tableColumn id="2" xr3:uid="{17903310-743B-494C-81C9-1CA65BE88406}" name="Disbursement year" dataDxfId="14" dataCellStyle="Normal"/>
    <tableColumn id="3" xr3:uid="{FF4C64C9-5B06-43ED-B392-C2FB8C46B2BE}" name="Project purpose" dataDxfId="13" dataCellStyle="Normal"/>
    <tableColumn id="4" xr3:uid="{E8F640D6-83F2-4510-B9AD-3E1960A11C7F}" name="Outstanding green loans (DKK intevals)" dataDxfId="12" dataCellStyle="Komma"/>
    <tableColumn id="6" xr3:uid="{ED2EA11A-1DB0-46B5-9698-A96E8F38D415}" name="Emissions avoided/reduced annually" dataDxfId="11" dataCellStyle="Komma"/>
    <tableColumn id="7" xr3:uid="{FF25D703-F6F0-4EB6-817A-D7770FF97406}" name="Annual energy reduced/avoided (MWh)" dataDxfId="10" dataCellStyle="Komma"/>
    <tableColumn id="8" xr3:uid="{63F0F77C-3207-4AF6-A702-53D1932DE73E}" name="Annual renewable energy generated" dataDxfId="9" dataCellStyle="Komma"/>
  </tableColumns>
  <tableStyleInfo name="TableStyleMedium2"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7DEE12E6-B83E-4B70-A765-F8AD4A0B90C5}" name="Tabel2" displayName="Tabel2" ref="B2:F559" totalsRowShown="0" headerRowDxfId="1" dataDxfId="0" headerRowCellStyle="Komma" dataCellStyle="Komma">
  <autoFilter ref="B2:F559" xr:uid="{7DEE12E6-B83E-4B70-A765-F8AD4A0B90C5}"/>
  <sortState xmlns:xlrd2="http://schemas.microsoft.com/office/spreadsheetml/2017/richdata2" ref="B3:F559">
    <sortCondition descending="1" ref="C2:C559"/>
  </sortState>
  <tableColumns count="5">
    <tableColumn id="1" xr3:uid="{30FD4CCF-AEEF-4628-BE54-3D895D590892}" name="Category" dataDxfId="6"/>
    <tableColumn id="2" xr3:uid="{F0302625-BA6F-4DEC-B326-BFA877A8B00F}" name="Disbursement year" dataDxfId="5"/>
    <tableColumn id="3" xr3:uid="{5FDE9DFB-4B06-4106-835C-1144C82EAB7C}" name="Project purpose" dataDxfId="4"/>
    <tableColumn id="4" xr3:uid="{44DFCF78-36BE-4B59-957A-220285419104}" name="Outstanding green loans (DKK intevals)" dataDxfId="3" dataCellStyle="Komma"/>
    <tableColumn id="6" xr3:uid="{72598EA7-E37B-4A9F-9E3B-45F2C9004FD2}" name="Emissions avoided/reduced annually" dataDxfId="2" dataCellStyle="Komma"/>
  </tableColumns>
  <tableStyleInfo name="TableStyleMedium2" showFirstColumn="0" showLastColumn="0" showRowStripes="1" showColumnStripes="0"/>
</table>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3" Type="http://schemas.openxmlformats.org/officeDocument/2006/relationships/table" Target="../tables/table1.xml"/><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2" Type="http://schemas.openxmlformats.org/officeDocument/2006/relationships/table" Target="../tables/table2.xml"/><Relationship Id="rId1" Type="http://schemas.openxmlformats.org/officeDocument/2006/relationships/drawing" Target="../drawings/drawing2.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B1:I638"/>
  <sheetViews>
    <sheetView tabSelected="1" zoomScaleNormal="100" workbookViewId="0">
      <pane xSplit="2" ySplit="2" topLeftCell="C3" activePane="bottomRight" state="frozen"/>
      <selection pane="topRight" activeCell="C1" sqref="C1"/>
      <selection pane="bottomLeft" activeCell="A3" sqref="A3"/>
      <selection pane="bottomRight" activeCell="P20" sqref="P20"/>
    </sheetView>
  </sheetViews>
  <sheetFormatPr defaultRowHeight="15" x14ac:dyDescent="0.25"/>
  <cols>
    <col min="1" max="1" width="4" style="1" customWidth="1"/>
    <col min="2" max="2" width="36" style="1" customWidth="1"/>
    <col min="3" max="3" width="20.7109375" style="1" customWidth="1"/>
    <col min="4" max="4" width="45.140625" style="1" customWidth="1"/>
    <col min="5" max="5" width="13.85546875" style="1" customWidth="1"/>
    <col min="6" max="6" width="33.85546875" style="3" customWidth="1"/>
    <col min="7" max="7" width="27.42578125" style="3" customWidth="1"/>
    <col min="8" max="8" width="26.42578125" style="3" customWidth="1"/>
    <col min="9" max="9" width="10.140625" style="1" bestFit="1" customWidth="1"/>
    <col min="10" max="16384" width="9.140625" style="1"/>
  </cols>
  <sheetData>
    <row r="1" spans="2:8" ht="74.25" customHeight="1" x14ac:dyDescent="0.25">
      <c r="E1" s="2"/>
    </row>
    <row r="2" spans="2:8" x14ac:dyDescent="0.25">
      <c r="B2" s="1" t="s">
        <v>441</v>
      </c>
      <c r="C2" s="1" t="s">
        <v>442</v>
      </c>
      <c r="D2" s="1" t="s">
        <v>443</v>
      </c>
      <c r="E2" s="1" t="s">
        <v>592</v>
      </c>
      <c r="F2" s="3" t="s">
        <v>444</v>
      </c>
      <c r="G2" s="3" t="s">
        <v>449</v>
      </c>
      <c r="H2" s="3" t="s">
        <v>450</v>
      </c>
    </row>
    <row r="3" spans="2:8" x14ac:dyDescent="0.25">
      <c r="B3" s="1" t="s">
        <v>526</v>
      </c>
      <c r="C3" s="1">
        <v>2024</v>
      </c>
      <c r="D3" s="1" t="s">
        <v>509</v>
      </c>
      <c r="E3" s="4" t="s">
        <v>597</v>
      </c>
      <c r="F3" s="3">
        <v>0</v>
      </c>
      <c r="G3" s="3">
        <v>0</v>
      </c>
      <c r="H3" s="3" t="s">
        <v>525</v>
      </c>
    </row>
    <row r="4" spans="2:8" x14ac:dyDescent="0.25">
      <c r="B4" s="1" t="s">
        <v>543</v>
      </c>
      <c r="C4" s="1">
        <v>2024</v>
      </c>
      <c r="D4" s="1" t="s">
        <v>549</v>
      </c>
      <c r="E4" s="4" t="s">
        <v>594</v>
      </c>
      <c r="F4" s="3">
        <v>0</v>
      </c>
      <c r="G4" s="3">
        <v>0</v>
      </c>
      <c r="H4" s="3">
        <v>0</v>
      </c>
    </row>
    <row r="5" spans="2:8" x14ac:dyDescent="0.25">
      <c r="B5" s="1" t="s">
        <v>526</v>
      </c>
      <c r="C5" s="1">
        <v>2024</v>
      </c>
      <c r="D5" s="1" t="s">
        <v>492</v>
      </c>
      <c r="E5" s="4" t="s">
        <v>594</v>
      </c>
      <c r="F5" s="3">
        <v>0</v>
      </c>
      <c r="G5" s="3">
        <v>0</v>
      </c>
      <c r="H5" s="3" t="s">
        <v>525</v>
      </c>
    </row>
    <row r="6" spans="2:8" x14ac:dyDescent="0.25">
      <c r="B6" s="1" t="s">
        <v>526</v>
      </c>
      <c r="C6" s="1">
        <v>2024</v>
      </c>
      <c r="D6" s="1" t="s">
        <v>484</v>
      </c>
      <c r="E6" s="4" t="s">
        <v>594</v>
      </c>
      <c r="F6" s="3">
        <v>1117.3850817886009</v>
      </c>
      <c r="G6" s="3">
        <v>0</v>
      </c>
      <c r="H6" s="3" t="s">
        <v>525</v>
      </c>
    </row>
    <row r="7" spans="2:8" x14ac:dyDescent="0.25">
      <c r="B7" s="1" t="s">
        <v>526</v>
      </c>
      <c r="C7" s="1">
        <v>2024</v>
      </c>
      <c r="D7" s="1" t="s">
        <v>488</v>
      </c>
      <c r="E7" s="4" t="s">
        <v>596</v>
      </c>
      <c r="F7" s="3">
        <v>0</v>
      </c>
      <c r="G7" s="3">
        <v>0</v>
      </c>
      <c r="H7" s="3" t="s">
        <v>525</v>
      </c>
    </row>
    <row r="8" spans="2:8" x14ac:dyDescent="0.25">
      <c r="B8" s="1" t="s">
        <v>526</v>
      </c>
      <c r="C8" s="1">
        <v>2024</v>
      </c>
      <c r="D8" s="1" t="s">
        <v>523</v>
      </c>
      <c r="E8" s="4" t="s">
        <v>596</v>
      </c>
      <c r="F8" s="3">
        <v>1484.8108443486058</v>
      </c>
      <c r="G8" s="3">
        <v>0</v>
      </c>
      <c r="H8" s="3" t="s">
        <v>525</v>
      </c>
    </row>
    <row r="9" spans="2:8" x14ac:dyDescent="0.25">
      <c r="B9" s="1" t="s">
        <v>526</v>
      </c>
      <c r="C9" s="1">
        <v>2024</v>
      </c>
      <c r="D9" s="1" t="s">
        <v>484</v>
      </c>
      <c r="E9" s="4" t="s">
        <v>596</v>
      </c>
      <c r="F9" s="3">
        <v>0</v>
      </c>
      <c r="G9" s="3">
        <v>0</v>
      </c>
      <c r="H9" s="3" t="s">
        <v>525</v>
      </c>
    </row>
    <row r="10" spans="2:8" x14ac:dyDescent="0.25">
      <c r="B10" s="1" t="s">
        <v>543</v>
      </c>
      <c r="C10" s="1">
        <v>2024</v>
      </c>
      <c r="D10" s="1" t="s">
        <v>532</v>
      </c>
      <c r="E10" s="4" t="s">
        <v>596</v>
      </c>
      <c r="F10" s="3">
        <v>0</v>
      </c>
      <c r="G10" s="3" t="s">
        <v>525</v>
      </c>
      <c r="H10" s="3">
        <v>0</v>
      </c>
    </row>
    <row r="11" spans="2:8" x14ac:dyDescent="0.25">
      <c r="B11" s="1" t="s">
        <v>543</v>
      </c>
      <c r="C11" s="1">
        <v>2024</v>
      </c>
      <c r="D11" s="1" t="s">
        <v>532</v>
      </c>
      <c r="E11" s="4" t="s">
        <v>596</v>
      </c>
      <c r="F11" s="3">
        <v>0</v>
      </c>
      <c r="G11" s="3" t="s">
        <v>525</v>
      </c>
      <c r="H11" s="3">
        <v>0</v>
      </c>
    </row>
    <row r="12" spans="2:8" x14ac:dyDescent="0.25">
      <c r="B12" s="1" t="s">
        <v>543</v>
      </c>
      <c r="C12" s="1">
        <v>2024</v>
      </c>
      <c r="D12" s="1" t="s">
        <v>532</v>
      </c>
      <c r="E12" s="4" t="s">
        <v>595</v>
      </c>
      <c r="F12" s="3">
        <v>0</v>
      </c>
      <c r="G12" s="3" t="s">
        <v>525</v>
      </c>
      <c r="H12" s="3">
        <v>0</v>
      </c>
    </row>
    <row r="13" spans="2:8" x14ac:dyDescent="0.25">
      <c r="B13" s="1" t="s">
        <v>526</v>
      </c>
      <c r="C13" s="1">
        <v>2024</v>
      </c>
      <c r="D13" s="1" t="s">
        <v>509</v>
      </c>
      <c r="E13" s="4" t="s">
        <v>595</v>
      </c>
      <c r="F13" s="3">
        <v>0</v>
      </c>
      <c r="G13" s="3">
        <v>0</v>
      </c>
      <c r="H13" s="3" t="s">
        <v>525</v>
      </c>
    </row>
    <row r="14" spans="2:8" x14ac:dyDescent="0.25">
      <c r="B14" s="1" t="s">
        <v>543</v>
      </c>
      <c r="C14" s="1">
        <v>2024</v>
      </c>
      <c r="D14" s="1" t="s">
        <v>540</v>
      </c>
      <c r="E14" s="4" t="s">
        <v>595</v>
      </c>
      <c r="F14" s="3">
        <v>0</v>
      </c>
      <c r="G14" s="3" t="s">
        <v>525</v>
      </c>
      <c r="H14" s="3">
        <v>0</v>
      </c>
    </row>
    <row r="15" spans="2:8" x14ac:dyDescent="0.25">
      <c r="B15" s="1" t="s">
        <v>526</v>
      </c>
      <c r="C15" s="1">
        <v>2024</v>
      </c>
      <c r="D15" s="1" t="s">
        <v>488</v>
      </c>
      <c r="E15" s="4" t="s">
        <v>595</v>
      </c>
      <c r="F15" s="3">
        <v>0</v>
      </c>
      <c r="G15" s="3">
        <v>0</v>
      </c>
      <c r="H15" s="3" t="s">
        <v>525</v>
      </c>
    </row>
    <row r="16" spans="2:8" x14ac:dyDescent="0.25">
      <c r="B16" s="1" t="s">
        <v>526</v>
      </c>
      <c r="C16" s="1">
        <v>2024</v>
      </c>
      <c r="D16" s="1" t="s">
        <v>488</v>
      </c>
      <c r="E16" s="4" t="s">
        <v>595</v>
      </c>
      <c r="F16" s="3">
        <v>314.50534890370358</v>
      </c>
      <c r="G16" s="3">
        <v>0</v>
      </c>
      <c r="H16" s="3" t="s">
        <v>525</v>
      </c>
    </row>
    <row r="17" spans="2:8" x14ac:dyDescent="0.25">
      <c r="B17" s="1" t="s">
        <v>543</v>
      </c>
      <c r="C17" s="1">
        <v>2024</v>
      </c>
      <c r="D17" s="1" t="s">
        <v>552</v>
      </c>
      <c r="E17" s="4" t="s">
        <v>595</v>
      </c>
      <c r="F17" s="3">
        <v>0</v>
      </c>
      <c r="G17" s="3">
        <v>0</v>
      </c>
      <c r="H17" s="3">
        <v>0</v>
      </c>
    </row>
    <row r="18" spans="2:8" x14ac:dyDescent="0.25">
      <c r="B18" s="1" t="s">
        <v>526</v>
      </c>
      <c r="C18" s="1">
        <v>2024</v>
      </c>
      <c r="D18" s="1" t="s">
        <v>509</v>
      </c>
      <c r="E18" s="4" t="s">
        <v>595</v>
      </c>
      <c r="F18" s="3">
        <v>0</v>
      </c>
      <c r="G18" s="3">
        <v>0</v>
      </c>
      <c r="H18" s="3" t="s">
        <v>525</v>
      </c>
    </row>
    <row r="19" spans="2:8" x14ac:dyDescent="0.25">
      <c r="B19" s="1" t="s">
        <v>465</v>
      </c>
      <c r="C19" s="1">
        <v>2024</v>
      </c>
      <c r="D19" s="1" t="s">
        <v>462</v>
      </c>
      <c r="E19" s="4" t="s">
        <v>595</v>
      </c>
      <c r="F19" s="3">
        <v>8494.9174462499996</v>
      </c>
      <c r="G19" s="3">
        <v>0</v>
      </c>
      <c r="H19" s="3">
        <v>0</v>
      </c>
    </row>
    <row r="20" spans="2:8" x14ac:dyDescent="0.25">
      <c r="B20" s="1" t="s">
        <v>543</v>
      </c>
      <c r="C20" s="1">
        <v>2024</v>
      </c>
      <c r="D20" s="1" t="s">
        <v>534</v>
      </c>
      <c r="E20" s="4" t="s">
        <v>595</v>
      </c>
      <c r="F20" s="3">
        <v>68.847719760000004</v>
      </c>
      <c r="G20" s="3" t="s">
        <v>525</v>
      </c>
      <c r="H20" s="3">
        <v>516.35789820000002</v>
      </c>
    </row>
    <row r="21" spans="2:8" x14ac:dyDescent="0.25">
      <c r="B21" s="1" t="s">
        <v>543</v>
      </c>
      <c r="C21" s="1">
        <v>2024</v>
      </c>
      <c r="D21" s="1" t="s">
        <v>532</v>
      </c>
      <c r="E21" s="4" t="s">
        <v>595</v>
      </c>
      <c r="F21" s="3">
        <v>0</v>
      </c>
      <c r="G21" s="3" t="s">
        <v>525</v>
      </c>
      <c r="H21" s="3">
        <v>0</v>
      </c>
    </row>
    <row r="22" spans="2:8" x14ac:dyDescent="0.25">
      <c r="B22" s="1" t="s">
        <v>543</v>
      </c>
      <c r="C22" s="1">
        <v>2024</v>
      </c>
      <c r="D22" s="1" t="s">
        <v>537</v>
      </c>
      <c r="E22" s="4" t="s">
        <v>593</v>
      </c>
      <c r="F22" s="3">
        <v>0</v>
      </c>
      <c r="G22" s="3" t="s">
        <v>525</v>
      </c>
      <c r="H22" s="3">
        <v>0</v>
      </c>
    </row>
    <row r="23" spans="2:8" x14ac:dyDescent="0.25">
      <c r="B23" s="1" t="s">
        <v>543</v>
      </c>
      <c r="C23" s="1">
        <v>2024</v>
      </c>
      <c r="D23" s="1" t="s">
        <v>549</v>
      </c>
      <c r="E23" s="4" t="s">
        <v>593</v>
      </c>
      <c r="F23" s="3">
        <v>0</v>
      </c>
      <c r="G23" s="3">
        <v>0</v>
      </c>
      <c r="H23" s="3">
        <v>0</v>
      </c>
    </row>
    <row r="24" spans="2:8" x14ac:dyDescent="0.25">
      <c r="B24" s="1" t="s">
        <v>543</v>
      </c>
      <c r="C24" s="1">
        <v>2024</v>
      </c>
      <c r="D24" s="1" t="s">
        <v>549</v>
      </c>
      <c r="E24" s="4" t="s">
        <v>593</v>
      </c>
      <c r="F24" s="3">
        <v>0</v>
      </c>
      <c r="G24" s="3">
        <v>0</v>
      </c>
      <c r="H24" s="3">
        <v>0</v>
      </c>
    </row>
    <row r="25" spans="2:8" x14ac:dyDescent="0.25">
      <c r="B25" s="1" t="s">
        <v>526</v>
      </c>
      <c r="C25" s="1">
        <v>2024</v>
      </c>
      <c r="D25" s="1" t="s">
        <v>489</v>
      </c>
      <c r="E25" s="4" t="s">
        <v>593</v>
      </c>
      <c r="F25" s="3">
        <v>0</v>
      </c>
      <c r="G25" s="3">
        <v>0</v>
      </c>
      <c r="H25" s="3" t="s">
        <v>525</v>
      </c>
    </row>
    <row r="26" spans="2:8" x14ac:dyDescent="0.25">
      <c r="B26" s="1" t="s">
        <v>526</v>
      </c>
      <c r="C26" s="1">
        <v>2024</v>
      </c>
      <c r="D26" s="1" t="s">
        <v>488</v>
      </c>
      <c r="E26" s="4" t="s">
        <v>593</v>
      </c>
      <c r="F26" s="3">
        <v>0</v>
      </c>
      <c r="G26" s="3">
        <v>0</v>
      </c>
      <c r="H26" s="3" t="s">
        <v>525</v>
      </c>
    </row>
    <row r="27" spans="2:8" x14ac:dyDescent="0.25">
      <c r="B27" s="1" t="s">
        <v>526</v>
      </c>
      <c r="C27" s="1">
        <v>2024</v>
      </c>
      <c r="D27" s="1" t="s">
        <v>489</v>
      </c>
      <c r="E27" s="4" t="s">
        <v>593</v>
      </c>
      <c r="F27" s="3">
        <v>114.6734812289386</v>
      </c>
      <c r="G27" s="3">
        <v>624.23523108494771</v>
      </c>
      <c r="H27" s="3" t="s">
        <v>525</v>
      </c>
    </row>
    <row r="28" spans="2:8" x14ac:dyDescent="0.25">
      <c r="B28" s="1" t="s">
        <v>526</v>
      </c>
      <c r="C28" s="1">
        <v>2024</v>
      </c>
      <c r="D28" s="1" t="s">
        <v>488</v>
      </c>
      <c r="E28" s="4" t="s">
        <v>593</v>
      </c>
      <c r="F28" s="3">
        <v>134.68384170384169</v>
      </c>
      <c r="G28" s="3">
        <v>0</v>
      </c>
      <c r="H28" s="3" t="s">
        <v>525</v>
      </c>
    </row>
    <row r="29" spans="2:8" x14ac:dyDescent="0.25">
      <c r="B29" s="1" t="s">
        <v>543</v>
      </c>
      <c r="C29" s="1">
        <v>2024</v>
      </c>
      <c r="D29" s="1" t="s">
        <v>549</v>
      </c>
      <c r="E29" s="4" t="s">
        <v>593</v>
      </c>
      <c r="F29" s="3">
        <v>0</v>
      </c>
      <c r="G29" s="3">
        <v>0</v>
      </c>
      <c r="H29" s="3">
        <v>0</v>
      </c>
    </row>
    <row r="30" spans="2:8" x14ac:dyDescent="0.25">
      <c r="B30" s="1" t="s">
        <v>543</v>
      </c>
      <c r="C30" s="1">
        <v>2024</v>
      </c>
      <c r="D30" s="1" t="s">
        <v>532</v>
      </c>
      <c r="E30" s="4" t="s">
        <v>593</v>
      </c>
      <c r="F30" s="3">
        <v>0</v>
      </c>
      <c r="G30" s="3" t="s">
        <v>525</v>
      </c>
      <c r="H30" s="3">
        <v>0</v>
      </c>
    </row>
    <row r="31" spans="2:8" x14ac:dyDescent="0.25">
      <c r="B31" s="1" t="s">
        <v>543</v>
      </c>
      <c r="C31" s="1">
        <v>2024</v>
      </c>
      <c r="D31" s="1" t="s">
        <v>549</v>
      </c>
      <c r="E31" s="4" t="s">
        <v>593</v>
      </c>
      <c r="F31" s="3">
        <v>0</v>
      </c>
      <c r="G31" s="3">
        <v>0</v>
      </c>
      <c r="H31" s="3">
        <v>0</v>
      </c>
    </row>
    <row r="32" spans="2:8" x14ac:dyDescent="0.25">
      <c r="B32" s="1" t="s">
        <v>543</v>
      </c>
      <c r="C32" s="1">
        <v>2024</v>
      </c>
      <c r="D32" s="1" t="s">
        <v>544</v>
      </c>
      <c r="E32" s="4" t="s">
        <v>593</v>
      </c>
      <c r="F32" s="3">
        <v>0</v>
      </c>
      <c r="G32" s="3">
        <v>0</v>
      </c>
      <c r="H32" s="3">
        <v>0</v>
      </c>
    </row>
    <row r="33" spans="2:8" x14ac:dyDescent="0.25">
      <c r="B33" s="1" t="s">
        <v>526</v>
      </c>
      <c r="C33" s="1">
        <v>2024</v>
      </c>
      <c r="D33" s="1" t="s">
        <v>488</v>
      </c>
      <c r="E33" s="4" t="s">
        <v>593</v>
      </c>
      <c r="F33" s="3">
        <v>169.56449565621426</v>
      </c>
      <c r="G33" s="3">
        <v>0</v>
      </c>
      <c r="H33" s="3" t="s">
        <v>525</v>
      </c>
    </row>
    <row r="34" spans="2:8" x14ac:dyDescent="0.25">
      <c r="B34" s="1" t="s">
        <v>543</v>
      </c>
      <c r="C34" s="1">
        <v>2024</v>
      </c>
      <c r="D34" s="1" t="s">
        <v>541</v>
      </c>
      <c r="E34" s="4" t="s">
        <v>593</v>
      </c>
      <c r="F34" s="3">
        <v>0</v>
      </c>
      <c r="G34" s="3" t="s">
        <v>525</v>
      </c>
      <c r="H34" s="3">
        <v>0</v>
      </c>
    </row>
    <row r="35" spans="2:8" x14ac:dyDescent="0.25">
      <c r="B35" s="1" t="s">
        <v>543</v>
      </c>
      <c r="C35" s="1">
        <v>2024</v>
      </c>
      <c r="D35" s="1" t="s">
        <v>549</v>
      </c>
      <c r="E35" s="4" t="s">
        <v>593</v>
      </c>
      <c r="F35" s="3">
        <v>0</v>
      </c>
      <c r="G35" s="3">
        <v>0</v>
      </c>
      <c r="H35" s="3">
        <v>0</v>
      </c>
    </row>
    <row r="36" spans="2:8" x14ac:dyDescent="0.25">
      <c r="B36" s="1" t="s">
        <v>543</v>
      </c>
      <c r="C36" s="1">
        <v>2024</v>
      </c>
      <c r="D36" s="1" t="s">
        <v>537</v>
      </c>
      <c r="E36" s="4" t="s">
        <v>593</v>
      </c>
      <c r="F36" s="3">
        <v>0</v>
      </c>
      <c r="G36" s="3" t="s">
        <v>525</v>
      </c>
      <c r="H36" s="3">
        <v>0</v>
      </c>
    </row>
    <row r="37" spans="2:8" x14ac:dyDescent="0.25">
      <c r="B37" s="1" t="s">
        <v>526</v>
      </c>
      <c r="C37" s="1">
        <v>2024</v>
      </c>
      <c r="D37" s="1" t="s">
        <v>484</v>
      </c>
      <c r="E37" s="4" t="s">
        <v>593</v>
      </c>
      <c r="F37" s="3">
        <v>0</v>
      </c>
      <c r="G37" s="3">
        <v>0</v>
      </c>
      <c r="H37" s="3" t="s">
        <v>525</v>
      </c>
    </row>
    <row r="38" spans="2:8" x14ac:dyDescent="0.25">
      <c r="B38" s="1" t="s">
        <v>543</v>
      </c>
      <c r="C38" s="1">
        <v>2024</v>
      </c>
      <c r="D38" s="1" t="s">
        <v>532</v>
      </c>
      <c r="E38" s="4" t="s">
        <v>593</v>
      </c>
      <c r="F38" s="3">
        <v>0</v>
      </c>
      <c r="G38" s="3" t="s">
        <v>525</v>
      </c>
      <c r="H38" s="3">
        <v>0</v>
      </c>
    </row>
    <row r="39" spans="2:8" x14ac:dyDescent="0.25">
      <c r="B39" s="1" t="s">
        <v>543</v>
      </c>
      <c r="C39" s="1">
        <v>2024</v>
      </c>
      <c r="D39" s="1" t="s">
        <v>549</v>
      </c>
      <c r="E39" s="4" t="s">
        <v>593</v>
      </c>
      <c r="F39" s="3">
        <v>0</v>
      </c>
      <c r="G39" s="3">
        <v>0</v>
      </c>
      <c r="H39" s="3">
        <v>0</v>
      </c>
    </row>
    <row r="40" spans="2:8" x14ac:dyDescent="0.25">
      <c r="B40" s="1" t="s">
        <v>526</v>
      </c>
      <c r="C40" s="1">
        <v>2024</v>
      </c>
      <c r="D40" s="1" t="s">
        <v>519</v>
      </c>
      <c r="E40" s="4" t="s">
        <v>593</v>
      </c>
      <c r="F40" s="3">
        <v>0</v>
      </c>
      <c r="G40" s="3">
        <v>0</v>
      </c>
      <c r="H40" s="3">
        <v>0</v>
      </c>
    </row>
    <row r="41" spans="2:8" x14ac:dyDescent="0.25">
      <c r="B41" s="1" t="s">
        <v>543</v>
      </c>
      <c r="C41" s="1">
        <v>2024</v>
      </c>
      <c r="D41" s="1" t="s">
        <v>549</v>
      </c>
      <c r="E41" s="4" t="s">
        <v>593</v>
      </c>
      <c r="F41" s="3">
        <v>0</v>
      </c>
      <c r="G41" s="3">
        <v>0</v>
      </c>
      <c r="H41" s="3">
        <v>0</v>
      </c>
    </row>
    <row r="42" spans="2:8" x14ac:dyDescent="0.25">
      <c r="B42" s="1" t="s">
        <v>543</v>
      </c>
      <c r="C42" s="1">
        <v>2024</v>
      </c>
      <c r="D42" s="1" t="s">
        <v>549</v>
      </c>
      <c r="E42" s="4" t="s">
        <v>593</v>
      </c>
      <c r="F42" s="3">
        <v>0</v>
      </c>
      <c r="G42" s="3">
        <v>0</v>
      </c>
      <c r="H42" s="3">
        <v>0</v>
      </c>
    </row>
    <row r="43" spans="2:8" x14ac:dyDescent="0.25">
      <c r="B43" s="1" t="s">
        <v>543</v>
      </c>
      <c r="C43" s="1">
        <v>2024</v>
      </c>
      <c r="D43" s="1" t="s">
        <v>546</v>
      </c>
      <c r="E43" s="4" t="s">
        <v>593</v>
      </c>
      <c r="F43" s="3">
        <v>0</v>
      </c>
      <c r="G43" s="3">
        <v>0</v>
      </c>
      <c r="H43" s="3">
        <v>0</v>
      </c>
    </row>
    <row r="44" spans="2:8" x14ac:dyDescent="0.25">
      <c r="B44" s="1" t="s">
        <v>479</v>
      </c>
      <c r="C44" s="1">
        <v>2024</v>
      </c>
      <c r="D44" s="1" t="s">
        <v>471</v>
      </c>
      <c r="E44" s="4" t="s">
        <v>593</v>
      </c>
      <c r="F44" s="3">
        <v>0</v>
      </c>
      <c r="G44" s="3">
        <v>0</v>
      </c>
      <c r="H44" s="3">
        <v>0</v>
      </c>
    </row>
    <row r="45" spans="2:8" x14ac:dyDescent="0.25">
      <c r="B45" s="1" t="s">
        <v>526</v>
      </c>
      <c r="C45" s="1">
        <v>2024</v>
      </c>
      <c r="D45" s="1" t="s">
        <v>484</v>
      </c>
      <c r="E45" s="4" t="s">
        <v>593</v>
      </c>
      <c r="F45" s="3">
        <v>380.09259328095425</v>
      </c>
      <c r="G45" s="3">
        <v>0</v>
      </c>
      <c r="H45" s="3" t="s">
        <v>525</v>
      </c>
    </row>
    <row r="46" spans="2:8" x14ac:dyDescent="0.25">
      <c r="B46" s="1" t="s">
        <v>479</v>
      </c>
      <c r="C46" s="1">
        <v>2024</v>
      </c>
      <c r="D46" s="1" t="s">
        <v>473</v>
      </c>
      <c r="E46" s="4" t="s">
        <v>593</v>
      </c>
      <c r="F46" s="3">
        <v>0</v>
      </c>
      <c r="G46" s="3">
        <v>0</v>
      </c>
      <c r="H46" s="3">
        <v>0</v>
      </c>
    </row>
    <row r="47" spans="2:8" x14ac:dyDescent="0.25">
      <c r="B47" s="1" t="s">
        <v>543</v>
      </c>
      <c r="C47" s="1">
        <v>2024</v>
      </c>
      <c r="D47" s="1" t="s">
        <v>537</v>
      </c>
      <c r="E47" s="4" t="s">
        <v>593</v>
      </c>
      <c r="F47" s="3">
        <v>0</v>
      </c>
      <c r="G47" s="3" t="s">
        <v>525</v>
      </c>
      <c r="H47" s="3">
        <v>0</v>
      </c>
    </row>
    <row r="48" spans="2:8" x14ac:dyDescent="0.25">
      <c r="B48" s="1" t="s">
        <v>543</v>
      </c>
      <c r="C48" s="1">
        <v>2024</v>
      </c>
      <c r="D48" s="1" t="s">
        <v>549</v>
      </c>
      <c r="E48" s="4" t="s">
        <v>593</v>
      </c>
      <c r="F48" s="3">
        <v>0</v>
      </c>
      <c r="G48" s="3">
        <v>0</v>
      </c>
      <c r="H48" s="3">
        <v>0</v>
      </c>
    </row>
    <row r="49" spans="2:8" x14ac:dyDescent="0.25">
      <c r="B49" s="1" t="s">
        <v>465</v>
      </c>
      <c r="C49" s="1">
        <v>2024</v>
      </c>
      <c r="D49" s="1" t="s">
        <v>462</v>
      </c>
      <c r="E49" s="4" t="s">
        <v>593</v>
      </c>
      <c r="F49" s="3">
        <v>0</v>
      </c>
      <c r="G49" s="3">
        <v>0</v>
      </c>
      <c r="H49" s="3">
        <v>0</v>
      </c>
    </row>
    <row r="50" spans="2:8" x14ac:dyDescent="0.25">
      <c r="B50" s="1" t="s">
        <v>543</v>
      </c>
      <c r="C50" s="1">
        <v>2024</v>
      </c>
      <c r="D50" s="1" t="s">
        <v>532</v>
      </c>
      <c r="E50" s="4" t="s">
        <v>593</v>
      </c>
      <c r="F50" s="3">
        <v>0</v>
      </c>
      <c r="G50" s="3" t="s">
        <v>525</v>
      </c>
      <c r="H50" s="3">
        <v>0</v>
      </c>
    </row>
    <row r="51" spans="2:8" x14ac:dyDescent="0.25">
      <c r="B51" s="1" t="s">
        <v>526</v>
      </c>
      <c r="C51" s="1">
        <v>2024</v>
      </c>
      <c r="D51" s="1" t="s">
        <v>488</v>
      </c>
      <c r="E51" s="4" t="s">
        <v>593</v>
      </c>
      <c r="F51" s="3">
        <v>0</v>
      </c>
      <c r="G51" s="3">
        <v>0</v>
      </c>
      <c r="H51" s="3" t="s">
        <v>525</v>
      </c>
    </row>
    <row r="52" spans="2:8" x14ac:dyDescent="0.25">
      <c r="B52" s="1" t="s">
        <v>543</v>
      </c>
      <c r="C52" s="1">
        <v>2024</v>
      </c>
      <c r="D52" s="1" t="s">
        <v>549</v>
      </c>
      <c r="E52" s="4" t="s">
        <v>593</v>
      </c>
      <c r="F52" s="3">
        <v>0</v>
      </c>
      <c r="G52" s="3">
        <v>0</v>
      </c>
      <c r="H52" s="3">
        <v>0</v>
      </c>
    </row>
    <row r="53" spans="2:8" x14ac:dyDescent="0.25">
      <c r="B53" s="1" t="s">
        <v>543</v>
      </c>
      <c r="C53" s="1">
        <v>2024</v>
      </c>
      <c r="D53" s="1" t="s">
        <v>544</v>
      </c>
      <c r="E53" s="4" t="s">
        <v>593</v>
      </c>
      <c r="F53" s="3">
        <v>0</v>
      </c>
      <c r="G53" s="3">
        <v>0</v>
      </c>
      <c r="H53" s="3">
        <v>0</v>
      </c>
    </row>
    <row r="54" spans="2:8" x14ac:dyDescent="0.25">
      <c r="B54" s="1" t="s">
        <v>543</v>
      </c>
      <c r="C54" s="1">
        <v>2024</v>
      </c>
      <c r="D54" s="1" t="s">
        <v>549</v>
      </c>
      <c r="E54" s="4" t="s">
        <v>593</v>
      </c>
      <c r="F54" s="3">
        <v>0</v>
      </c>
      <c r="G54" s="3">
        <v>0</v>
      </c>
      <c r="H54" s="3">
        <v>0</v>
      </c>
    </row>
    <row r="55" spans="2:8" x14ac:dyDescent="0.25">
      <c r="B55" s="1" t="s">
        <v>543</v>
      </c>
      <c r="C55" s="1">
        <v>2024</v>
      </c>
      <c r="D55" s="1" t="s">
        <v>542</v>
      </c>
      <c r="E55" s="4" t="s">
        <v>593</v>
      </c>
      <c r="F55" s="3">
        <v>0</v>
      </c>
      <c r="G55" s="3" t="s">
        <v>525</v>
      </c>
      <c r="H55" s="3">
        <v>0</v>
      </c>
    </row>
    <row r="56" spans="2:8" x14ac:dyDescent="0.25">
      <c r="B56" s="1" t="s">
        <v>543</v>
      </c>
      <c r="C56" s="1">
        <v>2024</v>
      </c>
      <c r="D56" s="1" t="s">
        <v>534</v>
      </c>
      <c r="E56" s="4" t="s">
        <v>593</v>
      </c>
      <c r="F56" s="3">
        <v>0</v>
      </c>
      <c r="G56" s="3" t="s">
        <v>525</v>
      </c>
      <c r="H56" s="3">
        <v>143.84107965517242</v>
      </c>
    </row>
    <row r="57" spans="2:8" x14ac:dyDescent="0.25">
      <c r="B57" s="1" t="s">
        <v>526</v>
      </c>
      <c r="C57" s="1">
        <v>2024</v>
      </c>
      <c r="D57" s="1" t="s">
        <v>484</v>
      </c>
      <c r="E57" s="4" t="s">
        <v>593</v>
      </c>
      <c r="F57" s="3">
        <v>0</v>
      </c>
      <c r="G57" s="3">
        <v>0</v>
      </c>
      <c r="H57" s="3" t="s">
        <v>525</v>
      </c>
    </row>
    <row r="58" spans="2:8" x14ac:dyDescent="0.25">
      <c r="B58" s="1" t="s">
        <v>526</v>
      </c>
      <c r="C58" s="1">
        <v>2024</v>
      </c>
      <c r="D58" s="1" t="s">
        <v>489</v>
      </c>
      <c r="E58" s="4" t="s">
        <v>593</v>
      </c>
      <c r="F58" s="3">
        <v>0</v>
      </c>
      <c r="G58" s="3">
        <v>0</v>
      </c>
      <c r="H58" s="3" t="s">
        <v>525</v>
      </c>
    </row>
    <row r="59" spans="2:8" x14ac:dyDescent="0.25">
      <c r="B59" s="1" t="s">
        <v>479</v>
      </c>
      <c r="C59" s="1">
        <v>2024</v>
      </c>
      <c r="D59" s="1" t="s">
        <v>472</v>
      </c>
      <c r="E59" s="4" t="s">
        <v>593</v>
      </c>
      <c r="F59" s="3">
        <v>0</v>
      </c>
      <c r="G59" s="3">
        <v>0</v>
      </c>
      <c r="H59" s="3">
        <v>0</v>
      </c>
    </row>
    <row r="60" spans="2:8" x14ac:dyDescent="0.25">
      <c r="B60" s="1" t="s">
        <v>543</v>
      </c>
      <c r="C60" s="1">
        <v>2024</v>
      </c>
      <c r="D60" s="1" t="s">
        <v>549</v>
      </c>
      <c r="E60" s="4" t="s">
        <v>593</v>
      </c>
      <c r="F60" s="3">
        <v>0</v>
      </c>
      <c r="G60" s="3">
        <v>0</v>
      </c>
      <c r="H60" s="3">
        <v>0</v>
      </c>
    </row>
    <row r="61" spans="2:8" x14ac:dyDescent="0.25">
      <c r="B61" s="1" t="s">
        <v>543</v>
      </c>
      <c r="C61" s="1">
        <v>2024</v>
      </c>
      <c r="D61" s="1" t="s">
        <v>532</v>
      </c>
      <c r="E61" s="4" t="s">
        <v>593</v>
      </c>
      <c r="F61" s="3">
        <v>0</v>
      </c>
      <c r="G61" s="3" t="s">
        <v>525</v>
      </c>
      <c r="H61" s="3">
        <v>0</v>
      </c>
    </row>
    <row r="62" spans="2:8" x14ac:dyDescent="0.25">
      <c r="B62" s="1" t="s">
        <v>526</v>
      </c>
      <c r="C62" s="1">
        <v>2024</v>
      </c>
      <c r="D62" s="1" t="s">
        <v>488</v>
      </c>
      <c r="E62" s="4" t="s">
        <v>593</v>
      </c>
      <c r="F62" s="3">
        <v>25.041432483359294</v>
      </c>
      <c r="G62" s="3">
        <v>0</v>
      </c>
      <c r="H62" s="3" t="s">
        <v>525</v>
      </c>
    </row>
    <row r="63" spans="2:8" x14ac:dyDescent="0.25">
      <c r="B63" s="1" t="s">
        <v>526</v>
      </c>
      <c r="C63" s="1">
        <v>2024</v>
      </c>
      <c r="D63" s="1" t="s">
        <v>484</v>
      </c>
      <c r="E63" s="4" t="s">
        <v>593</v>
      </c>
      <c r="F63" s="3">
        <v>93.585799968262094</v>
      </c>
      <c r="G63" s="3">
        <v>0</v>
      </c>
      <c r="H63" s="3" t="s">
        <v>525</v>
      </c>
    </row>
    <row r="64" spans="2:8" x14ac:dyDescent="0.25">
      <c r="B64" s="1" t="s">
        <v>543</v>
      </c>
      <c r="C64" s="1">
        <v>2024</v>
      </c>
      <c r="D64" s="1" t="s">
        <v>542</v>
      </c>
      <c r="E64" s="4" t="s">
        <v>593</v>
      </c>
      <c r="F64" s="3">
        <v>0</v>
      </c>
      <c r="G64" s="3" t="s">
        <v>525</v>
      </c>
      <c r="H64" s="3">
        <v>0</v>
      </c>
    </row>
    <row r="65" spans="2:8" x14ac:dyDescent="0.25">
      <c r="B65" s="1" t="s">
        <v>526</v>
      </c>
      <c r="C65" s="1">
        <v>2024</v>
      </c>
      <c r="D65" s="1" t="s">
        <v>504</v>
      </c>
      <c r="E65" s="4" t="s">
        <v>593</v>
      </c>
      <c r="F65" s="3">
        <v>0</v>
      </c>
      <c r="G65" s="3">
        <v>0</v>
      </c>
      <c r="H65" s="3">
        <v>0</v>
      </c>
    </row>
    <row r="66" spans="2:8" x14ac:dyDescent="0.25">
      <c r="B66" s="1" t="s">
        <v>530</v>
      </c>
      <c r="C66" s="1">
        <v>2024</v>
      </c>
      <c r="D66" s="1" t="s">
        <v>529</v>
      </c>
      <c r="E66" s="4" t="s">
        <v>593</v>
      </c>
      <c r="F66" s="3" t="s">
        <v>525</v>
      </c>
      <c r="G66" s="3" t="s">
        <v>525</v>
      </c>
      <c r="H66" s="3" t="s">
        <v>525</v>
      </c>
    </row>
    <row r="67" spans="2:8" x14ac:dyDescent="0.25">
      <c r="B67" s="1" t="s">
        <v>543</v>
      </c>
      <c r="C67" s="1">
        <v>2024</v>
      </c>
      <c r="D67" s="1" t="s">
        <v>532</v>
      </c>
      <c r="E67" s="4" t="s">
        <v>593</v>
      </c>
      <c r="F67" s="3">
        <v>0</v>
      </c>
      <c r="G67" s="3" t="s">
        <v>525</v>
      </c>
      <c r="H67" s="3">
        <v>0</v>
      </c>
    </row>
    <row r="68" spans="2:8" x14ac:dyDescent="0.25">
      <c r="B68" s="1" t="s">
        <v>526</v>
      </c>
      <c r="C68" s="1">
        <v>2024</v>
      </c>
      <c r="D68" s="1" t="s">
        <v>488</v>
      </c>
      <c r="E68" s="4" t="s">
        <v>593</v>
      </c>
      <c r="F68" s="3">
        <v>68.978469614006883</v>
      </c>
      <c r="G68" s="3">
        <v>0</v>
      </c>
      <c r="H68" s="3" t="s">
        <v>525</v>
      </c>
    </row>
    <row r="69" spans="2:8" x14ac:dyDescent="0.25">
      <c r="B69" s="1" t="s">
        <v>465</v>
      </c>
      <c r="C69" s="1">
        <v>2024</v>
      </c>
      <c r="D69" s="1" t="s">
        <v>464</v>
      </c>
      <c r="E69" s="4" t="s">
        <v>593</v>
      </c>
      <c r="F69" s="3">
        <v>0</v>
      </c>
      <c r="G69" s="3">
        <v>0</v>
      </c>
      <c r="H69" s="3">
        <v>0</v>
      </c>
    </row>
    <row r="70" spans="2:8" x14ac:dyDescent="0.25">
      <c r="B70" s="1" t="s">
        <v>530</v>
      </c>
      <c r="C70" s="1">
        <v>2024</v>
      </c>
      <c r="D70" s="1" t="s">
        <v>529</v>
      </c>
      <c r="E70" s="4" t="s">
        <v>593</v>
      </c>
      <c r="F70" s="3" t="s">
        <v>525</v>
      </c>
      <c r="G70" s="3" t="s">
        <v>525</v>
      </c>
      <c r="H70" s="3" t="s">
        <v>525</v>
      </c>
    </row>
    <row r="71" spans="2:8" x14ac:dyDescent="0.25">
      <c r="B71" s="1" t="s">
        <v>543</v>
      </c>
      <c r="C71" s="1">
        <v>2024</v>
      </c>
      <c r="D71" s="1" t="s">
        <v>549</v>
      </c>
      <c r="E71" s="4" t="s">
        <v>593</v>
      </c>
      <c r="F71" s="3">
        <v>0</v>
      </c>
      <c r="G71" s="3">
        <v>0</v>
      </c>
      <c r="H71" s="3">
        <v>0</v>
      </c>
    </row>
    <row r="72" spans="2:8" x14ac:dyDescent="0.25">
      <c r="B72" s="1" t="s">
        <v>526</v>
      </c>
      <c r="C72" s="1">
        <v>2024</v>
      </c>
      <c r="D72" s="1" t="s">
        <v>504</v>
      </c>
      <c r="E72" s="4" t="s">
        <v>593</v>
      </c>
      <c r="F72" s="3">
        <v>626.74834048073001</v>
      </c>
      <c r="G72" s="3">
        <v>0</v>
      </c>
      <c r="H72" s="3">
        <v>7041.8333400000001</v>
      </c>
    </row>
    <row r="73" spans="2:8" x14ac:dyDescent="0.25">
      <c r="B73" s="1" t="s">
        <v>526</v>
      </c>
      <c r="C73" s="1">
        <v>2024</v>
      </c>
      <c r="D73" s="1" t="s">
        <v>505</v>
      </c>
      <c r="E73" s="4" t="s">
        <v>593</v>
      </c>
      <c r="F73" s="3">
        <v>0</v>
      </c>
      <c r="G73" s="3">
        <v>0</v>
      </c>
      <c r="H73" s="3" t="s">
        <v>525</v>
      </c>
    </row>
    <row r="74" spans="2:8" x14ac:dyDescent="0.25">
      <c r="B74" s="1" t="s">
        <v>526</v>
      </c>
      <c r="C74" s="1">
        <v>2024</v>
      </c>
      <c r="D74" s="1" t="s">
        <v>488</v>
      </c>
      <c r="E74" s="4" t="s">
        <v>593</v>
      </c>
      <c r="F74" s="3">
        <v>19.71086397792563</v>
      </c>
      <c r="G74" s="3">
        <v>0</v>
      </c>
      <c r="H74" s="3" t="s">
        <v>525</v>
      </c>
    </row>
    <row r="75" spans="2:8" x14ac:dyDescent="0.25">
      <c r="B75" s="1" t="s">
        <v>543</v>
      </c>
      <c r="C75" s="1">
        <v>2024</v>
      </c>
      <c r="D75" s="1" t="s">
        <v>532</v>
      </c>
      <c r="E75" s="4" t="s">
        <v>593</v>
      </c>
      <c r="F75" s="3">
        <v>0</v>
      </c>
      <c r="G75" s="3" t="s">
        <v>525</v>
      </c>
      <c r="H75" s="3">
        <v>0</v>
      </c>
    </row>
    <row r="76" spans="2:8" x14ac:dyDescent="0.25">
      <c r="B76" s="1" t="s">
        <v>543</v>
      </c>
      <c r="C76" s="1">
        <v>2024</v>
      </c>
      <c r="D76" s="1" t="s">
        <v>546</v>
      </c>
      <c r="E76" s="4" t="s">
        <v>593</v>
      </c>
      <c r="F76" s="3">
        <v>0</v>
      </c>
      <c r="G76" s="3">
        <v>0</v>
      </c>
      <c r="H76" s="3">
        <v>0</v>
      </c>
    </row>
    <row r="77" spans="2:8" x14ac:dyDescent="0.25">
      <c r="B77" s="1" t="s">
        <v>526</v>
      </c>
      <c r="C77" s="1">
        <v>2024</v>
      </c>
      <c r="D77" s="1" t="s">
        <v>489</v>
      </c>
      <c r="E77" s="4" t="s">
        <v>593</v>
      </c>
      <c r="F77" s="3">
        <v>201.6533781030457</v>
      </c>
      <c r="G77" s="3">
        <v>1369.7964222222222</v>
      </c>
      <c r="H77" s="3" t="s">
        <v>525</v>
      </c>
    </row>
    <row r="78" spans="2:8" x14ac:dyDescent="0.25">
      <c r="B78" s="1" t="s">
        <v>526</v>
      </c>
      <c r="C78" s="1">
        <v>2024</v>
      </c>
      <c r="D78" s="1" t="s">
        <v>489</v>
      </c>
      <c r="E78" s="4" t="s">
        <v>593</v>
      </c>
      <c r="F78" s="3">
        <v>15.206003212933332</v>
      </c>
      <c r="G78" s="3">
        <v>79.612582266666664</v>
      </c>
      <c r="H78" s="3" t="s">
        <v>525</v>
      </c>
    </row>
    <row r="79" spans="2:8" x14ac:dyDescent="0.25">
      <c r="B79" s="1" t="s">
        <v>543</v>
      </c>
      <c r="C79" s="1">
        <v>2024</v>
      </c>
      <c r="D79" s="1" t="s">
        <v>551</v>
      </c>
      <c r="E79" s="4" t="s">
        <v>593</v>
      </c>
      <c r="F79" s="3">
        <v>0</v>
      </c>
      <c r="G79" s="3">
        <v>0</v>
      </c>
      <c r="H79" s="3">
        <v>0</v>
      </c>
    </row>
    <row r="80" spans="2:8" x14ac:dyDescent="0.25">
      <c r="B80" s="1" t="s">
        <v>479</v>
      </c>
      <c r="C80" s="1">
        <v>2024</v>
      </c>
      <c r="D80" s="1" t="s">
        <v>470</v>
      </c>
      <c r="E80" s="4" t="s">
        <v>593</v>
      </c>
      <c r="F80" s="3">
        <v>0</v>
      </c>
      <c r="G80" s="3">
        <v>0</v>
      </c>
      <c r="H80" s="3">
        <v>0</v>
      </c>
    </row>
    <row r="81" spans="2:8" x14ac:dyDescent="0.25">
      <c r="B81" s="1" t="s">
        <v>526</v>
      </c>
      <c r="C81" s="1">
        <v>2024</v>
      </c>
      <c r="D81" s="1" t="s">
        <v>504</v>
      </c>
      <c r="E81" s="4" t="s">
        <v>593</v>
      </c>
      <c r="F81" s="3">
        <v>409.55425888241518</v>
      </c>
      <c r="G81" s="3">
        <v>0</v>
      </c>
      <c r="H81" s="3">
        <v>4601.5484181818174</v>
      </c>
    </row>
    <row r="82" spans="2:8" x14ac:dyDescent="0.25">
      <c r="B82" s="1" t="s">
        <v>465</v>
      </c>
      <c r="C82" s="1">
        <v>2024</v>
      </c>
      <c r="D82" s="1" t="s">
        <v>464</v>
      </c>
      <c r="E82" s="4" t="s">
        <v>593</v>
      </c>
      <c r="F82" s="3">
        <v>2.3171182771949197</v>
      </c>
      <c r="G82" s="3">
        <v>0</v>
      </c>
      <c r="H82" s="3">
        <v>0</v>
      </c>
    </row>
    <row r="83" spans="2:8" x14ac:dyDescent="0.25">
      <c r="B83" s="1" t="s">
        <v>526</v>
      </c>
      <c r="C83" s="1">
        <v>2024</v>
      </c>
      <c r="D83" s="1" t="s">
        <v>509</v>
      </c>
      <c r="E83" s="4" t="s">
        <v>593</v>
      </c>
      <c r="F83" s="3">
        <v>64.416621272979924</v>
      </c>
      <c r="G83" s="3">
        <v>0</v>
      </c>
      <c r="H83" s="3" t="s">
        <v>525</v>
      </c>
    </row>
    <row r="84" spans="2:8" x14ac:dyDescent="0.25">
      <c r="B84" s="1" t="s">
        <v>479</v>
      </c>
      <c r="C84" s="1">
        <v>2024</v>
      </c>
      <c r="D84" s="1" t="s">
        <v>471</v>
      </c>
      <c r="E84" s="4" t="s">
        <v>593</v>
      </c>
      <c r="F84" s="3">
        <v>0</v>
      </c>
      <c r="G84" s="3">
        <v>0</v>
      </c>
      <c r="H84" s="3">
        <v>0</v>
      </c>
    </row>
    <row r="85" spans="2:8" x14ac:dyDescent="0.25">
      <c r="B85" s="1" t="s">
        <v>479</v>
      </c>
      <c r="C85" s="1">
        <v>2024</v>
      </c>
      <c r="D85" s="1" t="s">
        <v>471</v>
      </c>
      <c r="E85" s="4" t="s">
        <v>593</v>
      </c>
      <c r="F85" s="3">
        <v>52.340270360186288</v>
      </c>
      <c r="G85" s="3">
        <v>552.59558869350974</v>
      </c>
      <c r="H85" s="3">
        <v>0</v>
      </c>
    </row>
    <row r="86" spans="2:8" x14ac:dyDescent="0.25">
      <c r="B86" s="1" t="s">
        <v>526</v>
      </c>
      <c r="C86" s="1">
        <v>2024</v>
      </c>
      <c r="D86" s="1" t="s">
        <v>484</v>
      </c>
      <c r="E86" s="4" t="s">
        <v>593</v>
      </c>
      <c r="F86" s="3">
        <v>35.819216728807184</v>
      </c>
      <c r="G86" s="3">
        <v>0</v>
      </c>
      <c r="H86" s="3" t="s">
        <v>525</v>
      </c>
    </row>
    <row r="87" spans="2:8" x14ac:dyDescent="0.25">
      <c r="B87" s="1" t="s">
        <v>526</v>
      </c>
      <c r="C87" s="1">
        <v>2024</v>
      </c>
      <c r="D87" s="1" t="s">
        <v>504</v>
      </c>
      <c r="E87" s="4" t="s">
        <v>593</v>
      </c>
      <c r="F87" s="3">
        <v>0</v>
      </c>
      <c r="G87" s="3">
        <v>0</v>
      </c>
      <c r="H87" s="3" t="s">
        <v>525</v>
      </c>
    </row>
    <row r="88" spans="2:8" x14ac:dyDescent="0.25">
      <c r="B88" s="1" t="s">
        <v>543</v>
      </c>
      <c r="C88" s="1">
        <v>2024</v>
      </c>
      <c r="D88" s="1" t="s">
        <v>556</v>
      </c>
      <c r="E88" s="4" t="s">
        <v>593</v>
      </c>
      <c r="F88" s="3">
        <v>0</v>
      </c>
      <c r="G88" s="3">
        <v>0</v>
      </c>
      <c r="H88" s="3">
        <v>0</v>
      </c>
    </row>
    <row r="89" spans="2:8" x14ac:dyDescent="0.25">
      <c r="B89" s="1" t="s">
        <v>526</v>
      </c>
      <c r="C89" s="1">
        <v>2024</v>
      </c>
      <c r="D89" s="1" t="s">
        <v>489</v>
      </c>
      <c r="E89" s="4" t="s">
        <v>593</v>
      </c>
      <c r="F89" s="3">
        <v>0</v>
      </c>
      <c r="G89" s="3">
        <v>0</v>
      </c>
      <c r="H89" s="3" t="s">
        <v>525</v>
      </c>
    </row>
    <row r="90" spans="2:8" x14ac:dyDescent="0.25">
      <c r="B90" s="1" t="s">
        <v>526</v>
      </c>
      <c r="C90" s="1">
        <v>2024</v>
      </c>
      <c r="D90" s="1" t="s">
        <v>490</v>
      </c>
      <c r="E90" s="4" t="s">
        <v>593</v>
      </c>
      <c r="F90" s="3">
        <v>18.874714121993801</v>
      </c>
      <c r="G90" s="3">
        <v>0</v>
      </c>
      <c r="H90" s="3" t="s">
        <v>525</v>
      </c>
    </row>
    <row r="91" spans="2:8" x14ac:dyDescent="0.25">
      <c r="B91" s="1" t="s">
        <v>530</v>
      </c>
      <c r="C91" s="1">
        <v>2024</v>
      </c>
      <c r="D91" s="1" t="s">
        <v>529</v>
      </c>
      <c r="E91" s="4" t="s">
        <v>593</v>
      </c>
      <c r="F91" s="3" t="s">
        <v>525</v>
      </c>
      <c r="G91" s="3" t="s">
        <v>525</v>
      </c>
      <c r="H91" s="3" t="s">
        <v>525</v>
      </c>
    </row>
    <row r="92" spans="2:8" x14ac:dyDescent="0.25">
      <c r="B92" s="1" t="s">
        <v>543</v>
      </c>
      <c r="C92" s="1">
        <v>2024</v>
      </c>
      <c r="D92" s="1" t="s">
        <v>549</v>
      </c>
      <c r="E92" s="4" t="s">
        <v>593</v>
      </c>
      <c r="F92" s="3">
        <v>0</v>
      </c>
      <c r="G92" s="3">
        <v>0</v>
      </c>
      <c r="H92" s="3">
        <v>0</v>
      </c>
    </row>
    <row r="93" spans="2:8" x14ac:dyDescent="0.25">
      <c r="B93" s="1" t="s">
        <v>526</v>
      </c>
      <c r="C93" s="1">
        <v>2024</v>
      </c>
      <c r="D93" s="1" t="s">
        <v>488</v>
      </c>
      <c r="E93" s="4" t="s">
        <v>593</v>
      </c>
      <c r="F93" s="3">
        <v>5.6635510613560562</v>
      </c>
      <c r="G93" s="3">
        <v>0</v>
      </c>
      <c r="H93" s="3" t="s">
        <v>525</v>
      </c>
    </row>
    <row r="94" spans="2:8" x14ac:dyDescent="0.25">
      <c r="B94" s="1" t="s">
        <v>526</v>
      </c>
      <c r="C94" s="1">
        <v>2024</v>
      </c>
      <c r="D94" s="1" t="s">
        <v>484</v>
      </c>
      <c r="E94" s="4" t="s">
        <v>593</v>
      </c>
      <c r="F94" s="3">
        <v>6.9858587202063056</v>
      </c>
      <c r="G94" s="3">
        <v>0</v>
      </c>
      <c r="H94" s="3" t="s">
        <v>525</v>
      </c>
    </row>
    <row r="95" spans="2:8" x14ac:dyDescent="0.25">
      <c r="B95" s="1" t="s">
        <v>526</v>
      </c>
      <c r="C95" s="1">
        <v>2024</v>
      </c>
      <c r="D95" s="1" t="s">
        <v>484</v>
      </c>
      <c r="E95" s="4" t="s">
        <v>593</v>
      </c>
      <c r="F95" s="3">
        <v>1.8590591492693391</v>
      </c>
      <c r="G95" s="3">
        <v>0</v>
      </c>
      <c r="H95" s="3" t="s">
        <v>525</v>
      </c>
    </row>
    <row r="96" spans="2:8" x14ac:dyDescent="0.25">
      <c r="B96" s="1" t="s">
        <v>526</v>
      </c>
      <c r="C96" s="1">
        <v>2024</v>
      </c>
      <c r="D96" s="1" t="s">
        <v>488</v>
      </c>
      <c r="E96" s="4" t="s">
        <v>593</v>
      </c>
      <c r="F96" s="3">
        <v>12.976303314687977</v>
      </c>
      <c r="G96" s="3">
        <v>0</v>
      </c>
      <c r="H96" s="3" t="s">
        <v>525</v>
      </c>
    </row>
    <row r="97" spans="2:8" x14ac:dyDescent="0.25">
      <c r="B97" s="1" t="s">
        <v>526</v>
      </c>
      <c r="C97" s="1">
        <v>2024</v>
      </c>
      <c r="D97" s="1" t="s">
        <v>503</v>
      </c>
      <c r="E97" s="4" t="s">
        <v>593</v>
      </c>
      <c r="F97" s="3">
        <v>18.577371899444447</v>
      </c>
      <c r="G97" s="3">
        <v>97.263727222222229</v>
      </c>
      <c r="H97" s="3" t="s">
        <v>525</v>
      </c>
    </row>
    <row r="98" spans="2:8" x14ac:dyDescent="0.25">
      <c r="B98" s="1" t="s">
        <v>526</v>
      </c>
      <c r="C98" s="1">
        <v>2024</v>
      </c>
      <c r="D98" s="1" t="s">
        <v>489</v>
      </c>
      <c r="E98" s="4" t="s">
        <v>593</v>
      </c>
      <c r="F98" s="3">
        <v>0</v>
      </c>
      <c r="G98" s="3">
        <v>0</v>
      </c>
      <c r="H98" s="3" t="s">
        <v>525</v>
      </c>
    </row>
    <row r="99" spans="2:8" x14ac:dyDescent="0.25">
      <c r="B99" s="1" t="s">
        <v>543</v>
      </c>
      <c r="C99" s="1">
        <v>2024</v>
      </c>
      <c r="D99" s="1" t="s">
        <v>534</v>
      </c>
      <c r="E99" s="4" t="s">
        <v>593</v>
      </c>
      <c r="F99" s="3">
        <v>1.721193</v>
      </c>
      <c r="G99" s="3" t="s">
        <v>525</v>
      </c>
      <c r="H99" s="3">
        <v>12.9089475</v>
      </c>
    </row>
    <row r="100" spans="2:8" x14ac:dyDescent="0.25">
      <c r="B100" s="1" t="s">
        <v>526</v>
      </c>
      <c r="C100" s="1">
        <v>2024</v>
      </c>
      <c r="D100" s="1" t="s">
        <v>489</v>
      </c>
      <c r="E100" s="4" t="s">
        <v>593</v>
      </c>
      <c r="F100" s="3">
        <v>0</v>
      </c>
      <c r="G100" s="3">
        <v>0</v>
      </c>
      <c r="H100" s="3" t="s">
        <v>525</v>
      </c>
    </row>
    <row r="101" spans="2:8" x14ac:dyDescent="0.25">
      <c r="B101" s="1" t="s">
        <v>530</v>
      </c>
      <c r="C101" s="1">
        <v>2024</v>
      </c>
      <c r="D101" s="1" t="s">
        <v>529</v>
      </c>
      <c r="E101" s="4" t="s">
        <v>593</v>
      </c>
      <c r="F101" s="3" t="s">
        <v>525</v>
      </c>
      <c r="G101" s="3" t="s">
        <v>525</v>
      </c>
      <c r="H101" s="3" t="s">
        <v>525</v>
      </c>
    </row>
    <row r="102" spans="2:8" x14ac:dyDescent="0.25">
      <c r="B102" s="1" t="s">
        <v>543</v>
      </c>
      <c r="C102" s="1">
        <v>2024</v>
      </c>
      <c r="D102" s="1" t="s">
        <v>551</v>
      </c>
      <c r="E102" s="4" t="s">
        <v>593</v>
      </c>
      <c r="F102" s="3">
        <v>0</v>
      </c>
      <c r="G102" s="3">
        <v>0</v>
      </c>
      <c r="H102" s="3">
        <v>0</v>
      </c>
    </row>
    <row r="103" spans="2:8" x14ac:dyDescent="0.25">
      <c r="B103" s="1" t="s">
        <v>530</v>
      </c>
      <c r="C103" s="1">
        <v>2024</v>
      </c>
      <c r="D103" s="1" t="s">
        <v>529</v>
      </c>
      <c r="E103" s="4" t="s">
        <v>593</v>
      </c>
      <c r="F103" s="3" t="s">
        <v>525</v>
      </c>
      <c r="G103" s="3" t="s">
        <v>525</v>
      </c>
      <c r="H103" s="3" t="s">
        <v>525</v>
      </c>
    </row>
    <row r="104" spans="2:8" x14ac:dyDescent="0.25">
      <c r="B104" s="1" t="s">
        <v>543</v>
      </c>
      <c r="C104" s="1">
        <v>2024</v>
      </c>
      <c r="D104" s="1" t="s">
        <v>549</v>
      </c>
      <c r="E104" s="4" t="s">
        <v>593</v>
      </c>
      <c r="F104" s="3">
        <v>0</v>
      </c>
      <c r="G104" s="3">
        <v>0</v>
      </c>
      <c r="H104" s="3">
        <v>0</v>
      </c>
    </row>
    <row r="105" spans="2:8" x14ac:dyDescent="0.25">
      <c r="B105" s="1" t="s">
        <v>543</v>
      </c>
      <c r="C105" s="1">
        <v>2024</v>
      </c>
      <c r="D105" s="1" t="s">
        <v>547</v>
      </c>
      <c r="E105" s="4" t="s">
        <v>593</v>
      </c>
      <c r="F105" s="3">
        <v>0</v>
      </c>
      <c r="G105" s="3">
        <v>0</v>
      </c>
      <c r="H105" s="3">
        <v>0</v>
      </c>
    </row>
    <row r="106" spans="2:8" x14ac:dyDescent="0.25">
      <c r="B106" s="1" t="s">
        <v>543</v>
      </c>
      <c r="C106" s="1">
        <v>2024</v>
      </c>
      <c r="D106" s="1" t="s">
        <v>547</v>
      </c>
      <c r="E106" s="4" t="s">
        <v>593</v>
      </c>
      <c r="F106" s="3">
        <v>0</v>
      </c>
      <c r="G106" s="3">
        <v>0</v>
      </c>
      <c r="H106" s="3">
        <v>0</v>
      </c>
    </row>
    <row r="107" spans="2:8" x14ac:dyDescent="0.25">
      <c r="B107" s="1" t="s">
        <v>543</v>
      </c>
      <c r="C107" s="1">
        <v>2024</v>
      </c>
      <c r="D107" s="1" t="s">
        <v>547</v>
      </c>
      <c r="E107" s="4" t="s">
        <v>593</v>
      </c>
      <c r="F107" s="3">
        <v>0</v>
      </c>
      <c r="G107" s="3">
        <v>0</v>
      </c>
      <c r="H107" s="3">
        <v>0</v>
      </c>
    </row>
    <row r="108" spans="2:8" x14ac:dyDescent="0.25">
      <c r="B108" s="1" t="s">
        <v>526</v>
      </c>
      <c r="C108" s="1">
        <v>2023</v>
      </c>
      <c r="D108" s="1" t="s">
        <v>504</v>
      </c>
      <c r="E108" s="4" t="s">
        <v>594</v>
      </c>
      <c r="F108" s="3">
        <v>17380.124378615179</v>
      </c>
      <c r="G108" s="3">
        <v>0</v>
      </c>
      <c r="H108" s="3">
        <v>195274.45291487308</v>
      </c>
    </row>
    <row r="109" spans="2:8" x14ac:dyDescent="0.25">
      <c r="B109" s="1" t="s">
        <v>526</v>
      </c>
      <c r="C109" s="1">
        <v>2023</v>
      </c>
      <c r="D109" s="1" t="s">
        <v>504</v>
      </c>
      <c r="E109" s="4" t="s">
        <v>594</v>
      </c>
      <c r="F109" s="3">
        <v>17594.200491044779</v>
      </c>
      <c r="G109" s="3">
        <v>0</v>
      </c>
      <c r="H109" s="3">
        <v>197679.70588235292</v>
      </c>
    </row>
    <row r="110" spans="2:8" x14ac:dyDescent="0.25">
      <c r="B110" s="1" t="s">
        <v>526</v>
      </c>
      <c r="C110" s="1">
        <v>2023</v>
      </c>
      <c r="D110" s="1" t="s">
        <v>492</v>
      </c>
      <c r="E110" s="4" t="s">
        <v>596</v>
      </c>
      <c r="F110" s="3">
        <v>0</v>
      </c>
      <c r="G110" s="3">
        <v>0</v>
      </c>
      <c r="H110" s="3" t="s">
        <v>525</v>
      </c>
    </row>
    <row r="111" spans="2:8" x14ac:dyDescent="0.25">
      <c r="B111" s="1" t="s">
        <v>526</v>
      </c>
      <c r="C111" s="1">
        <v>2023</v>
      </c>
      <c r="D111" s="1" t="s">
        <v>484</v>
      </c>
      <c r="E111" s="4" t="s">
        <v>596</v>
      </c>
      <c r="F111" s="3">
        <v>0</v>
      </c>
      <c r="G111" s="3">
        <v>0</v>
      </c>
      <c r="H111" s="3" t="s">
        <v>525</v>
      </c>
    </row>
    <row r="112" spans="2:8" x14ac:dyDescent="0.25">
      <c r="B112" s="1" t="s">
        <v>526</v>
      </c>
      <c r="C112" s="1">
        <v>2023</v>
      </c>
      <c r="D112" s="1" t="s">
        <v>491</v>
      </c>
      <c r="E112" s="4" t="s">
        <v>596</v>
      </c>
      <c r="F112" s="3">
        <v>0</v>
      </c>
      <c r="G112" s="3">
        <v>0</v>
      </c>
      <c r="H112" s="3" t="s">
        <v>525</v>
      </c>
    </row>
    <row r="113" spans="2:8" x14ac:dyDescent="0.25">
      <c r="B113" s="1" t="s">
        <v>543</v>
      </c>
      <c r="C113" s="1">
        <v>2023</v>
      </c>
      <c r="D113" s="1" t="s">
        <v>532</v>
      </c>
      <c r="E113" s="4" t="s">
        <v>596</v>
      </c>
      <c r="F113" s="3">
        <v>0</v>
      </c>
      <c r="G113" s="3" t="s">
        <v>525</v>
      </c>
      <c r="H113" s="3">
        <v>0</v>
      </c>
    </row>
    <row r="114" spans="2:8" x14ac:dyDescent="0.25">
      <c r="B114" s="1" t="s">
        <v>526</v>
      </c>
      <c r="C114" s="1">
        <v>2023</v>
      </c>
      <c r="D114" s="1" t="s">
        <v>491</v>
      </c>
      <c r="E114" s="4" t="s">
        <v>596</v>
      </c>
      <c r="F114" s="3">
        <v>0</v>
      </c>
      <c r="G114" s="3">
        <v>0</v>
      </c>
      <c r="H114" s="3" t="s">
        <v>525</v>
      </c>
    </row>
    <row r="115" spans="2:8" x14ac:dyDescent="0.25">
      <c r="B115" s="1" t="s">
        <v>526</v>
      </c>
      <c r="C115" s="1">
        <v>2023</v>
      </c>
      <c r="D115" s="1" t="s">
        <v>491</v>
      </c>
      <c r="E115" s="4" t="s">
        <v>596</v>
      </c>
      <c r="F115" s="3">
        <v>0</v>
      </c>
      <c r="G115" s="3">
        <v>0</v>
      </c>
      <c r="H115" s="3" t="s">
        <v>525</v>
      </c>
    </row>
    <row r="116" spans="2:8" x14ac:dyDescent="0.25">
      <c r="B116" s="1" t="s">
        <v>465</v>
      </c>
      <c r="C116" s="1">
        <v>2023</v>
      </c>
      <c r="D116" s="1" t="s">
        <v>463</v>
      </c>
      <c r="E116" s="4" t="s">
        <v>596</v>
      </c>
      <c r="F116" s="3">
        <v>0</v>
      </c>
      <c r="G116" s="3">
        <v>0</v>
      </c>
      <c r="H116" s="3">
        <v>0</v>
      </c>
    </row>
    <row r="117" spans="2:8" x14ac:dyDescent="0.25">
      <c r="B117" s="1" t="s">
        <v>526</v>
      </c>
      <c r="C117" s="1">
        <v>2023</v>
      </c>
      <c r="D117" s="1" t="s">
        <v>487</v>
      </c>
      <c r="E117" s="4" t="s">
        <v>596</v>
      </c>
      <c r="F117" s="3">
        <v>0</v>
      </c>
      <c r="G117" s="3">
        <v>0</v>
      </c>
      <c r="H117" s="3" t="s">
        <v>525</v>
      </c>
    </row>
    <row r="118" spans="2:8" x14ac:dyDescent="0.25">
      <c r="B118" s="1" t="s">
        <v>526</v>
      </c>
      <c r="C118" s="1">
        <v>2023</v>
      </c>
      <c r="D118" s="1" t="s">
        <v>491</v>
      </c>
      <c r="E118" s="4" t="s">
        <v>596</v>
      </c>
      <c r="F118" s="3">
        <v>638.66404011727036</v>
      </c>
      <c r="G118" s="3">
        <v>0</v>
      </c>
      <c r="H118" s="3" t="s">
        <v>525</v>
      </c>
    </row>
    <row r="119" spans="2:8" x14ac:dyDescent="0.25">
      <c r="B119" s="1" t="s">
        <v>526</v>
      </c>
      <c r="C119" s="1">
        <v>2023</v>
      </c>
      <c r="D119" s="1" t="s">
        <v>484</v>
      </c>
      <c r="E119" s="4" t="s">
        <v>596</v>
      </c>
      <c r="F119" s="3">
        <v>0</v>
      </c>
      <c r="G119" s="3">
        <v>0</v>
      </c>
      <c r="H119" s="3" t="s">
        <v>525</v>
      </c>
    </row>
    <row r="120" spans="2:8" x14ac:dyDescent="0.25">
      <c r="B120" s="1" t="s">
        <v>526</v>
      </c>
      <c r="C120" s="1">
        <v>2023</v>
      </c>
      <c r="D120" s="1" t="s">
        <v>487</v>
      </c>
      <c r="E120" s="4" t="s">
        <v>595</v>
      </c>
      <c r="F120" s="3">
        <v>1244.158239208092</v>
      </c>
      <c r="G120" s="3">
        <v>0</v>
      </c>
      <c r="H120" s="3" t="s">
        <v>525</v>
      </c>
    </row>
    <row r="121" spans="2:8" x14ac:dyDescent="0.25">
      <c r="B121" s="1" t="s">
        <v>526</v>
      </c>
      <c r="C121" s="1">
        <v>2023</v>
      </c>
      <c r="D121" s="1" t="s">
        <v>487</v>
      </c>
      <c r="E121" s="4" t="s">
        <v>595</v>
      </c>
      <c r="F121" s="3">
        <v>1887.4714121993809</v>
      </c>
      <c r="G121" s="3">
        <v>0</v>
      </c>
      <c r="H121" s="3" t="s">
        <v>525</v>
      </c>
    </row>
    <row r="122" spans="2:8" x14ac:dyDescent="0.25">
      <c r="B122" s="1" t="s">
        <v>526</v>
      </c>
      <c r="C122" s="1">
        <v>2023</v>
      </c>
      <c r="D122" s="1" t="s">
        <v>484</v>
      </c>
      <c r="E122" s="4" t="s">
        <v>595</v>
      </c>
      <c r="F122" s="3">
        <v>290.06447732477255</v>
      </c>
      <c r="G122" s="3">
        <v>0</v>
      </c>
      <c r="H122" s="3" t="s">
        <v>525</v>
      </c>
    </row>
    <row r="123" spans="2:8" x14ac:dyDescent="0.25">
      <c r="B123" s="1" t="s">
        <v>526</v>
      </c>
      <c r="C123" s="1">
        <v>2023</v>
      </c>
      <c r="D123" s="1" t="s">
        <v>491</v>
      </c>
      <c r="E123" s="4" t="s">
        <v>595</v>
      </c>
      <c r="F123" s="3">
        <v>0</v>
      </c>
      <c r="G123" s="3">
        <v>0</v>
      </c>
      <c r="H123" s="3" t="s">
        <v>525</v>
      </c>
    </row>
    <row r="124" spans="2:8" x14ac:dyDescent="0.25">
      <c r="B124" s="1" t="s">
        <v>543</v>
      </c>
      <c r="C124" s="1">
        <v>2023</v>
      </c>
      <c r="D124" s="1" t="s">
        <v>532</v>
      </c>
      <c r="E124" s="4" t="s">
        <v>595</v>
      </c>
      <c r="F124" s="3">
        <v>0</v>
      </c>
      <c r="G124" s="3" t="s">
        <v>525</v>
      </c>
      <c r="H124" s="3">
        <v>0</v>
      </c>
    </row>
    <row r="125" spans="2:8" x14ac:dyDescent="0.25">
      <c r="B125" s="1" t="s">
        <v>526</v>
      </c>
      <c r="C125" s="1">
        <v>2023</v>
      </c>
      <c r="D125" s="1" t="s">
        <v>484</v>
      </c>
      <c r="E125" s="4" t="s">
        <v>595</v>
      </c>
      <c r="F125" s="3">
        <v>62.197974744425863</v>
      </c>
      <c r="G125" s="3">
        <v>0</v>
      </c>
      <c r="H125" s="3" t="s">
        <v>525</v>
      </c>
    </row>
    <row r="126" spans="2:8" x14ac:dyDescent="0.25">
      <c r="B126" s="1" t="s">
        <v>465</v>
      </c>
      <c r="C126" s="1">
        <v>2023</v>
      </c>
      <c r="D126" s="1" t="s">
        <v>451</v>
      </c>
      <c r="E126" s="4" t="s">
        <v>595</v>
      </c>
      <c r="F126" s="3">
        <v>0</v>
      </c>
      <c r="G126" s="3">
        <v>0</v>
      </c>
      <c r="H126" s="3">
        <v>0</v>
      </c>
    </row>
    <row r="127" spans="2:8" x14ac:dyDescent="0.25">
      <c r="B127" s="1" t="s">
        <v>526</v>
      </c>
      <c r="C127" s="1">
        <v>2023</v>
      </c>
      <c r="D127" s="1" t="s">
        <v>491</v>
      </c>
      <c r="E127" s="4" t="s">
        <v>595</v>
      </c>
      <c r="F127" s="3">
        <v>0</v>
      </c>
      <c r="G127" s="3">
        <v>0</v>
      </c>
      <c r="H127" s="3" t="s">
        <v>525</v>
      </c>
    </row>
    <row r="128" spans="2:8" x14ac:dyDescent="0.25">
      <c r="B128" s="1" t="s">
        <v>465</v>
      </c>
      <c r="C128" s="1">
        <v>2023</v>
      </c>
      <c r="D128" s="1" t="s">
        <v>462</v>
      </c>
      <c r="E128" s="4" t="s">
        <v>595</v>
      </c>
      <c r="F128" s="3">
        <v>2942.4753075199997</v>
      </c>
      <c r="G128" s="3">
        <v>0</v>
      </c>
      <c r="H128" s="3">
        <v>0</v>
      </c>
    </row>
    <row r="129" spans="2:8" x14ac:dyDescent="0.25">
      <c r="B129" s="1" t="s">
        <v>526</v>
      </c>
      <c r="C129" s="1">
        <v>2023</v>
      </c>
      <c r="D129" s="1" t="s">
        <v>491</v>
      </c>
      <c r="E129" s="4" t="s">
        <v>595</v>
      </c>
      <c r="F129" s="3">
        <v>343.89602158330024</v>
      </c>
      <c r="G129" s="3">
        <v>0</v>
      </c>
      <c r="H129" s="3" t="s">
        <v>525</v>
      </c>
    </row>
    <row r="130" spans="2:8" x14ac:dyDescent="0.25">
      <c r="B130" s="1" t="s">
        <v>526</v>
      </c>
      <c r="C130" s="1">
        <v>2023</v>
      </c>
      <c r="D130" s="1" t="s">
        <v>488</v>
      </c>
      <c r="E130" s="4" t="s">
        <v>595</v>
      </c>
      <c r="F130" s="3">
        <v>0</v>
      </c>
      <c r="G130" s="3">
        <v>0</v>
      </c>
      <c r="H130" s="3" t="s">
        <v>525</v>
      </c>
    </row>
    <row r="131" spans="2:8" x14ac:dyDescent="0.25">
      <c r="B131" s="1" t="s">
        <v>543</v>
      </c>
      <c r="C131" s="1">
        <v>2023</v>
      </c>
      <c r="D131" s="1" t="s">
        <v>540</v>
      </c>
      <c r="E131" s="4" t="s">
        <v>595</v>
      </c>
      <c r="F131" s="3">
        <v>0</v>
      </c>
      <c r="G131" s="3" t="s">
        <v>525</v>
      </c>
      <c r="H131" s="3">
        <v>0</v>
      </c>
    </row>
    <row r="132" spans="2:8" x14ac:dyDescent="0.25">
      <c r="B132" s="1" t="s">
        <v>543</v>
      </c>
      <c r="C132" s="1">
        <v>2023</v>
      </c>
      <c r="D132" s="1" t="s">
        <v>549</v>
      </c>
      <c r="E132" s="4" t="s">
        <v>595</v>
      </c>
      <c r="F132" s="3">
        <v>0</v>
      </c>
      <c r="G132" s="3">
        <v>0</v>
      </c>
      <c r="H132" s="3">
        <v>0</v>
      </c>
    </row>
    <row r="133" spans="2:8" x14ac:dyDescent="0.25">
      <c r="B133" s="1" t="s">
        <v>526</v>
      </c>
      <c r="C133" s="1">
        <v>2023</v>
      </c>
      <c r="D133" s="1" t="s">
        <v>487</v>
      </c>
      <c r="E133" s="4" t="s">
        <v>595</v>
      </c>
      <c r="F133" s="3">
        <v>0</v>
      </c>
      <c r="G133" s="3">
        <v>0</v>
      </c>
      <c r="H133" s="3" t="s">
        <v>525</v>
      </c>
    </row>
    <row r="134" spans="2:8" x14ac:dyDescent="0.25">
      <c r="B134" s="1" t="s">
        <v>526</v>
      </c>
      <c r="C134" s="1">
        <v>2023</v>
      </c>
      <c r="D134" s="1" t="s">
        <v>487</v>
      </c>
      <c r="E134" s="4" t="s">
        <v>593</v>
      </c>
      <c r="F134" s="3">
        <v>0</v>
      </c>
      <c r="G134" s="3">
        <v>0</v>
      </c>
      <c r="H134" s="3" t="s">
        <v>525</v>
      </c>
    </row>
    <row r="135" spans="2:8" x14ac:dyDescent="0.25">
      <c r="B135" s="1" t="s">
        <v>543</v>
      </c>
      <c r="C135" s="1">
        <v>2023</v>
      </c>
      <c r="D135" s="1" t="s">
        <v>534</v>
      </c>
      <c r="E135" s="4" t="s">
        <v>593</v>
      </c>
      <c r="F135" s="3">
        <v>67.653940082758623</v>
      </c>
      <c r="G135" s="3" t="s">
        <v>525</v>
      </c>
      <c r="H135" s="3">
        <v>507.40455062068963</v>
      </c>
    </row>
    <row r="136" spans="2:8" x14ac:dyDescent="0.25">
      <c r="B136" s="1" t="s">
        <v>526</v>
      </c>
      <c r="C136" s="1">
        <v>2023</v>
      </c>
      <c r="D136" s="1" t="s">
        <v>487</v>
      </c>
      <c r="E136" s="4" t="s">
        <v>593</v>
      </c>
      <c r="F136" s="3">
        <v>573.6215823616219</v>
      </c>
      <c r="G136" s="3">
        <v>0</v>
      </c>
      <c r="H136" s="3" t="s">
        <v>525</v>
      </c>
    </row>
    <row r="137" spans="2:8" x14ac:dyDescent="0.25">
      <c r="B137" s="1" t="s">
        <v>526</v>
      </c>
      <c r="C137" s="1">
        <v>2023</v>
      </c>
      <c r="D137" s="1" t="s">
        <v>488</v>
      </c>
      <c r="E137" s="4" t="s">
        <v>593</v>
      </c>
      <c r="F137" s="3">
        <v>189.88527217594472</v>
      </c>
      <c r="G137" s="3">
        <v>0</v>
      </c>
      <c r="H137" s="3" t="s">
        <v>525</v>
      </c>
    </row>
    <row r="138" spans="2:8" x14ac:dyDescent="0.25">
      <c r="B138" s="1" t="s">
        <v>543</v>
      </c>
      <c r="C138" s="1">
        <v>2023</v>
      </c>
      <c r="D138" s="1" t="s">
        <v>538</v>
      </c>
      <c r="E138" s="4" t="s">
        <v>593</v>
      </c>
      <c r="F138" s="3">
        <v>0</v>
      </c>
      <c r="G138" s="3" t="s">
        <v>525</v>
      </c>
      <c r="H138" s="3">
        <v>0</v>
      </c>
    </row>
    <row r="139" spans="2:8" x14ac:dyDescent="0.25">
      <c r="B139" s="1" t="s">
        <v>543</v>
      </c>
      <c r="C139" s="1">
        <v>2023</v>
      </c>
      <c r="D139" s="1" t="s">
        <v>549</v>
      </c>
      <c r="E139" s="4" t="s">
        <v>593</v>
      </c>
      <c r="F139" s="3">
        <v>0</v>
      </c>
      <c r="G139" s="3">
        <v>0</v>
      </c>
      <c r="H139" s="3">
        <v>0</v>
      </c>
    </row>
    <row r="140" spans="2:8" x14ac:dyDescent="0.25">
      <c r="B140" s="1" t="s">
        <v>526</v>
      </c>
      <c r="C140" s="1">
        <v>2023</v>
      </c>
      <c r="D140" s="1" t="s">
        <v>505</v>
      </c>
      <c r="E140" s="4" t="s">
        <v>593</v>
      </c>
      <c r="F140" s="3">
        <v>1852.5524216549784</v>
      </c>
      <c r="G140" s="3">
        <v>4878.3841155555556</v>
      </c>
      <c r="H140" s="3" t="s">
        <v>525</v>
      </c>
    </row>
    <row r="141" spans="2:8" x14ac:dyDescent="0.25">
      <c r="B141" s="1" t="s">
        <v>526</v>
      </c>
      <c r="C141" s="1">
        <v>2023</v>
      </c>
      <c r="D141" s="1" t="s">
        <v>491</v>
      </c>
      <c r="E141" s="4" t="s">
        <v>593</v>
      </c>
      <c r="F141" s="3">
        <v>0</v>
      </c>
      <c r="G141" s="3">
        <v>0</v>
      </c>
      <c r="H141" s="3" t="s">
        <v>525</v>
      </c>
    </row>
    <row r="142" spans="2:8" x14ac:dyDescent="0.25">
      <c r="B142" s="1" t="s">
        <v>526</v>
      </c>
      <c r="C142" s="1">
        <v>2023</v>
      </c>
      <c r="D142" s="1" t="s">
        <v>491</v>
      </c>
      <c r="E142" s="4" t="s">
        <v>593</v>
      </c>
      <c r="F142" s="3">
        <v>0</v>
      </c>
      <c r="G142" s="3">
        <v>0</v>
      </c>
      <c r="H142" s="3" t="s">
        <v>525</v>
      </c>
    </row>
    <row r="143" spans="2:8" x14ac:dyDescent="0.25">
      <c r="B143" s="1" t="s">
        <v>559</v>
      </c>
      <c r="C143" s="1">
        <v>2023</v>
      </c>
      <c r="D143" s="1" t="s">
        <v>558</v>
      </c>
      <c r="E143" s="4" t="s">
        <v>593</v>
      </c>
      <c r="F143" s="3">
        <v>0</v>
      </c>
      <c r="G143" s="3">
        <v>0</v>
      </c>
      <c r="H143" s="3">
        <v>0</v>
      </c>
    </row>
    <row r="144" spans="2:8" x14ac:dyDescent="0.25">
      <c r="B144" s="1" t="s">
        <v>526</v>
      </c>
      <c r="C144" s="1">
        <v>2023</v>
      </c>
      <c r="D144" s="1" t="s">
        <v>491</v>
      </c>
      <c r="E144" s="4" t="s">
        <v>593</v>
      </c>
      <c r="F144" s="3">
        <v>0</v>
      </c>
      <c r="G144" s="3">
        <v>0</v>
      </c>
      <c r="H144" s="3" t="s">
        <v>525</v>
      </c>
    </row>
    <row r="145" spans="2:8" x14ac:dyDescent="0.25">
      <c r="B145" s="1" t="s">
        <v>526</v>
      </c>
      <c r="C145" s="1">
        <v>2023</v>
      </c>
      <c r="D145" s="1" t="s">
        <v>487</v>
      </c>
      <c r="E145" s="4" t="s">
        <v>593</v>
      </c>
      <c r="F145" s="3">
        <v>143.6872362399146</v>
      </c>
      <c r="G145" s="3">
        <v>0</v>
      </c>
      <c r="H145" s="3" t="s">
        <v>525</v>
      </c>
    </row>
    <row r="146" spans="2:8" x14ac:dyDescent="0.25">
      <c r="B146" s="1" t="s">
        <v>543</v>
      </c>
      <c r="C146" s="1">
        <v>2023</v>
      </c>
      <c r="D146" s="1" t="s">
        <v>541</v>
      </c>
      <c r="E146" s="4" t="s">
        <v>593</v>
      </c>
      <c r="F146" s="3">
        <v>0</v>
      </c>
      <c r="G146" s="3" t="s">
        <v>525</v>
      </c>
      <c r="H146" s="3">
        <v>0</v>
      </c>
    </row>
    <row r="147" spans="2:8" x14ac:dyDescent="0.25">
      <c r="B147" s="1" t="s">
        <v>526</v>
      </c>
      <c r="C147" s="1">
        <v>2023</v>
      </c>
      <c r="D147" s="1" t="s">
        <v>491</v>
      </c>
      <c r="E147" s="4" t="s">
        <v>593</v>
      </c>
      <c r="F147" s="3">
        <v>145.51675214356189</v>
      </c>
      <c r="G147" s="3">
        <v>0</v>
      </c>
      <c r="H147" s="3" t="s">
        <v>525</v>
      </c>
    </row>
    <row r="148" spans="2:8" x14ac:dyDescent="0.25">
      <c r="B148" s="1" t="s">
        <v>526</v>
      </c>
      <c r="C148" s="1">
        <v>2023</v>
      </c>
      <c r="D148" s="1" t="s">
        <v>509</v>
      </c>
      <c r="E148" s="4" t="s">
        <v>593</v>
      </c>
      <c r="F148" s="3">
        <v>736.35026797299895</v>
      </c>
      <c r="G148" s="3">
        <v>0</v>
      </c>
      <c r="H148" s="3" t="s">
        <v>525</v>
      </c>
    </row>
    <row r="149" spans="2:8" x14ac:dyDescent="0.25">
      <c r="B149" s="1" t="s">
        <v>526</v>
      </c>
      <c r="C149" s="1">
        <v>2023</v>
      </c>
      <c r="D149" s="1" t="s">
        <v>489</v>
      </c>
      <c r="E149" s="4" t="s">
        <v>593</v>
      </c>
      <c r="F149" s="3">
        <v>0</v>
      </c>
      <c r="G149" s="3">
        <v>0</v>
      </c>
      <c r="H149" s="3" t="s">
        <v>525</v>
      </c>
    </row>
    <row r="150" spans="2:8" x14ac:dyDescent="0.25">
      <c r="B150" s="1" t="s">
        <v>526</v>
      </c>
      <c r="C150" s="1">
        <v>2023</v>
      </c>
      <c r="D150" s="1" t="s">
        <v>493</v>
      </c>
      <c r="E150" s="4" t="s">
        <v>593</v>
      </c>
      <c r="F150" s="3">
        <v>0</v>
      </c>
      <c r="G150" s="3">
        <v>0</v>
      </c>
      <c r="H150" s="3" t="s">
        <v>525</v>
      </c>
    </row>
    <row r="151" spans="2:8" x14ac:dyDescent="0.25">
      <c r="B151" s="1" t="s">
        <v>530</v>
      </c>
      <c r="C151" s="1">
        <v>2023</v>
      </c>
      <c r="D151" s="1" t="s">
        <v>527</v>
      </c>
      <c r="E151" s="4" t="s">
        <v>593</v>
      </c>
      <c r="F151" s="3" t="s">
        <v>525</v>
      </c>
      <c r="G151" s="3" t="s">
        <v>525</v>
      </c>
      <c r="H151" s="3" t="s">
        <v>525</v>
      </c>
    </row>
    <row r="152" spans="2:8" x14ac:dyDescent="0.25">
      <c r="B152" s="1" t="s">
        <v>465</v>
      </c>
      <c r="C152" s="1">
        <v>2023</v>
      </c>
      <c r="D152" s="1" t="s">
        <v>463</v>
      </c>
      <c r="E152" s="4" t="s">
        <v>593</v>
      </c>
      <c r="F152" s="3">
        <v>0</v>
      </c>
      <c r="G152" s="3">
        <v>0</v>
      </c>
      <c r="H152" s="3">
        <v>0</v>
      </c>
    </row>
    <row r="153" spans="2:8" x14ac:dyDescent="0.25">
      <c r="B153" s="1" t="s">
        <v>526</v>
      </c>
      <c r="C153" s="1">
        <v>2023</v>
      </c>
      <c r="D153" s="1" t="s">
        <v>484</v>
      </c>
      <c r="E153" s="4" t="s">
        <v>593</v>
      </c>
      <c r="F153" s="3">
        <v>0</v>
      </c>
      <c r="G153" s="3">
        <v>0</v>
      </c>
      <c r="H153" s="3" t="s">
        <v>525</v>
      </c>
    </row>
    <row r="154" spans="2:8" x14ac:dyDescent="0.25">
      <c r="B154" s="1" t="s">
        <v>526</v>
      </c>
      <c r="C154" s="1">
        <v>2023</v>
      </c>
      <c r="D154" s="1" t="s">
        <v>509</v>
      </c>
      <c r="E154" s="4" t="s">
        <v>593</v>
      </c>
      <c r="F154" s="3">
        <v>251.85664452476436</v>
      </c>
      <c r="G154" s="3">
        <v>0</v>
      </c>
      <c r="H154" s="3" t="s">
        <v>525</v>
      </c>
    </row>
    <row r="155" spans="2:8" x14ac:dyDescent="0.25">
      <c r="B155" s="1" t="s">
        <v>526</v>
      </c>
      <c r="C155" s="1">
        <v>2023</v>
      </c>
      <c r="D155" s="1" t="s">
        <v>488</v>
      </c>
      <c r="E155" s="4" t="s">
        <v>593</v>
      </c>
      <c r="F155" s="3">
        <v>255.0428748299357</v>
      </c>
      <c r="G155" s="3">
        <v>0</v>
      </c>
      <c r="H155" s="3" t="s">
        <v>525</v>
      </c>
    </row>
    <row r="156" spans="2:8" x14ac:dyDescent="0.25">
      <c r="B156" s="1" t="s">
        <v>543</v>
      </c>
      <c r="C156" s="1">
        <v>2023</v>
      </c>
      <c r="D156" s="1" t="s">
        <v>532</v>
      </c>
      <c r="E156" s="4" t="s">
        <v>593</v>
      </c>
      <c r="F156" s="3">
        <v>0</v>
      </c>
      <c r="G156" s="3" t="s">
        <v>525</v>
      </c>
      <c r="H156" s="3">
        <v>0</v>
      </c>
    </row>
    <row r="157" spans="2:8" x14ac:dyDescent="0.25">
      <c r="B157" s="1" t="s">
        <v>479</v>
      </c>
      <c r="C157" s="1">
        <v>2023</v>
      </c>
      <c r="D157" s="1" t="s">
        <v>471</v>
      </c>
      <c r="E157" s="4" t="s">
        <v>593</v>
      </c>
      <c r="F157" s="3">
        <v>4.2932653323788328</v>
      </c>
      <c r="G157" s="3">
        <v>48.622300680287829</v>
      </c>
      <c r="H157" s="3">
        <v>0</v>
      </c>
    </row>
    <row r="158" spans="2:8" x14ac:dyDescent="0.25">
      <c r="B158" s="1" t="s">
        <v>543</v>
      </c>
      <c r="C158" s="1">
        <v>2023</v>
      </c>
      <c r="D158" s="1" t="s">
        <v>541</v>
      </c>
      <c r="E158" s="4" t="s">
        <v>593</v>
      </c>
      <c r="F158" s="3">
        <v>0</v>
      </c>
      <c r="G158" s="3" t="s">
        <v>525</v>
      </c>
      <c r="H158" s="3">
        <v>0</v>
      </c>
    </row>
    <row r="159" spans="2:8" x14ac:dyDescent="0.25">
      <c r="B159" s="1" t="s">
        <v>526</v>
      </c>
      <c r="C159" s="1">
        <v>2023</v>
      </c>
      <c r="D159" s="1" t="s">
        <v>492</v>
      </c>
      <c r="E159" s="4" t="s">
        <v>593</v>
      </c>
      <c r="F159" s="3">
        <v>0</v>
      </c>
      <c r="G159" s="3">
        <v>0</v>
      </c>
      <c r="H159" s="3" t="s">
        <v>525</v>
      </c>
    </row>
    <row r="160" spans="2:8" x14ac:dyDescent="0.25">
      <c r="B160" s="1" t="s">
        <v>465</v>
      </c>
      <c r="C160" s="1">
        <v>2023</v>
      </c>
      <c r="D160" s="1" t="s">
        <v>462</v>
      </c>
      <c r="E160" s="4" t="s">
        <v>593</v>
      </c>
      <c r="F160" s="3">
        <v>0</v>
      </c>
      <c r="G160" s="3">
        <v>0</v>
      </c>
      <c r="H160" s="3">
        <v>0</v>
      </c>
    </row>
    <row r="161" spans="2:8" x14ac:dyDescent="0.25">
      <c r="B161" s="1" t="s">
        <v>543</v>
      </c>
      <c r="C161" s="1">
        <v>2023</v>
      </c>
      <c r="D161" s="1" t="s">
        <v>532</v>
      </c>
      <c r="E161" s="4" t="s">
        <v>593</v>
      </c>
      <c r="F161" s="3">
        <v>0</v>
      </c>
      <c r="G161" s="3" t="s">
        <v>525</v>
      </c>
      <c r="H161" s="3">
        <v>0</v>
      </c>
    </row>
    <row r="162" spans="2:8" x14ac:dyDescent="0.25">
      <c r="B162" s="1" t="s">
        <v>543</v>
      </c>
      <c r="C162" s="1">
        <v>2023</v>
      </c>
      <c r="D162" s="1" t="s">
        <v>532</v>
      </c>
      <c r="E162" s="4" t="s">
        <v>593</v>
      </c>
      <c r="F162" s="3">
        <v>0</v>
      </c>
      <c r="G162" s="3" t="s">
        <v>525</v>
      </c>
      <c r="H162" s="3">
        <v>0</v>
      </c>
    </row>
    <row r="163" spans="2:8" x14ac:dyDescent="0.25">
      <c r="B163" s="1" t="s">
        <v>526</v>
      </c>
      <c r="C163" s="1">
        <v>2023</v>
      </c>
      <c r="D163" s="1" t="s">
        <v>489</v>
      </c>
      <c r="E163" s="4" t="s">
        <v>593</v>
      </c>
      <c r="F163" s="3">
        <v>0</v>
      </c>
      <c r="G163" s="3">
        <v>0</v>
      </c>
      <c r="H163" s="3" t="s">
        <v>525</v>
      </c>
    </row>
    <row r="164" spans="2:8" x14ac:dyDescent="0.25">
      <c r="B164" s="1" t="s">
        <v>526</v>
      </c>
      <c r="C164" s="1">
        <v>2023</v>
      </c>
      <c r="D164" s="1" t="s">
        <v>484</v>
      </c>
      <c r="E164" s="4" t="s">
        <v>593</v>
      </c>
      <c r="F164" s="3">
        <v>0</v>
      </c>
      <c r="G164" s="3">
        <v>0</v>
      </c>
      <c r="H164" s="3" t="s">
        <v>525</v>
      </c>
    </row>
    <row r="165" spans="2:8" x14ac:dyDescent="0.25">
      <c r="B165" s="1" t="s">
        <v>526</v>
      </c>
      <c r="C165" s="1">
        <v>2023</v>
      </c>
      <c r="D165" s="1" t="s">
        <v>509</v>
      </c>
      <c r="E165" s="4" t="s">
        <v>593</v>
      </c>
      <c r="F165" s="3">
        <v>400.50601890654355</v>
      </c>
      <c r="G165" s="3">
        <v>0</v>
      </c>
      <c r="H165" s="3" t="s">
        <v>525</v>
      </c>
    </row>
    <row r="166" spans="2:8" x14ac:dyDescent="0.25">
      <c r="B166" s="1" t="s">
        <v>543</v>
      </c>
      <c r="C166" s="1">
        <v>2023</v>
      </c>
      <c r="D166" s="1" t="s">
        <v>549</v>
      </c>
      <c r="E166" s="4" t="s">
        <v>593</v>
      </c>
      <c r="F166" s="3">
        <v>0</v>
      </c>
      <c r="G166" s="3">
        <v>0</v>
      </c>
      <c r="H166" s="3">
        <v>0</v>
      </c>
    </row>
    <row r="167" spans="2:8" x14ac:dyDescent="0.25">
      <c r="B167" s="1" t="s">
        <v>530</v>
      </c>
      <c r="C167" s="1">
        <v>2023</v>
      </c>
      <c r="D167" s="1" t="s">
        <v>529</v>
      </c>
      <c r="E167" s="4" t="s">
        <v>593</v>
      </c>
      <c r="F167" s="3" t="s">
        <v>525</v>
      </c>
      <c r="G167" s="3" t="s">
        <v>525</v>
      </c>
      <c r="H167" s="3" t="s">
        <v>525</v>
      </c>
    </row>
    <row r="168" spans="2:8" x14ac:dyDescent="0.25">
      <c r="B168" s="1" t="s">
        <v>465</v>
      </c>
      <c r="C168" s="1">
        <v>2023</v>
      </c>
      <c r="D168" s="1" t="s">
        <v>451</v>
      </c>
      <c r="E168" s="4" t="s">
        <v>593</v>
      </c>
      <c r="F168" s="3">
        <v>0</v>
      </c>
      <c r="G168" s="3">
        <v>0</v>
      </c>
      <c r="H168" s="3">
        <v>0</v>
      </c>
    </row>
    <row r="169" spans="2:8" x14ac:dyDescent="0.25">
      <c r="B169" s="1" t="s">
        <v>526</v>
      </c>
      <c r="C169" s="1">
        <v>2023</v>
      </c>
      <c r="D169" s="1" t="s">
        <v>489</v>
      </c>
      <c r="E169" s="4" t="s">
        <v>593</v>
      </c>
      <c r="F169" s="3">
        <v>0</v>
      </c>
      <c r="G169" s="3">
        <v>0</v>
      </c>
      <c r="H169" s="3" t="s">
        <v>525</v>
      </c>
    </row>
    <row r="170" spans="2:8" x14ac:dyDescent="0.25">
      <c r="B170" s="1" t="s">
        <v>465</v>
      </c>
      <c r="C170" s="1">
        <v>2023</v>
      </c>
      <c r="D170" s="1" t="s">
        <v>463</v>
      </c>
      <c r="E170" s="4" t="s">
        <v>593</v>
      </c>
      <c r="F170" s="3">
        <v>0</v>
      </c>
      <c r="G170" s="3">
        <v>0</v>
      </c>
      <c r="H170" s="3">
        <v>0</v>
      </c>
    </row>
    <row r="171" spans="2:8" x14ac:dyDescent="0.25">
      <c r="B171" s="1" t="s">
        <v>543</v>
      </c>
      <c r="C171" s="1">
        <v>2023</v>
      </c>
      <c r="D171" s="1" t="s">
        <v>542</v>
      </c>
      <c r="E171" s="4" t="s">
        <v>593</v>
      </c>
      <c r="F171" s="3">
        <v>0</v>
      </c>
      <c r="G171" s="3" t="s">
        <v>525</v>
      </c>
      <c r="H171" s="3">
        <v>0</v>
      </c>
    </row>
    <row r="172" spans="2:8" x14ac:dyDescent="0.25">
      <c r="B172" s="1" t="s">
        <v>526</v>
      </c>
      <c r="C172" s="1">
        <v>2023</v>
      </c>
      <c r="D172" s="1" t="s">
        <v>509</v>
      </c>
      <c r="E172" s="4" t="s">
        <v>593</v>
      </c>
      <c r="F172" s="3">
        <v>199.82777069502458</v>
      </c>
      <c r="G172" s="3">
        <v>0</v>
      </c>
      <c r="H172" s="3" t="s">
        <v>525</v>
      </c>
    </row>
    <row r="173" spans="2:8" x14ac:dyDescent="0.25">
      <c r="B173" s="1" t="s">
        <v>543</v>
      </c>
      <c r="C173" s="1">
        <v>2023</v>
      </c>
      <c r="D173" s="1" t="s">
        <v>532</v>
      </c>
      <c r="E173" s="4" t="s">
        <v>593</v>
      </c>
      <c r="F173" s="3">
        <v>0</v>
      </c>
      <c r="G173" s="3" t="s">
        <v>525</v>
      </c>
      <c r="H173" s="3">
        <v>0</v>
      </c>
    </row>
    <row r="174" spans="2:8" x14ac:dyDescent="0.25">
      <c r="B174" s="1" t="s">
        <v>526</v>
      </c>
      <c r="C174" s="1">
        <v>2023</v>
      </c>
      <c r="D174" s="1" t="s">
        <v>487</v>
      </c>
      <c r="E174" s="4" t="s">
        <v>593</v>
      </c>
      <c r="F174" s="3">
        <v>105.3166369214057</v>
      </c>
      <c r="G174" s="3">
        <v>0</v>
      </c>
      <c r="H174" s="3" t="s">
        <v>525</v>
      </c>
    </row>
    <row r="175" spans="2:8" x14ac:dyDescent="0.25">
      <c r="B175" s="1" t="s">
        <v>526</v>
      </c>
      <c r="C175" s="1">
        <v>2023</v>
      </c>
      <c r="D175" s="1" t="s">
        <v>509</v>
      </c>
      <c r="E175" s="4" t="s">
        <v>593</v>
      </c>
      <c r="F175" s="3">
        <v>338.80298765272829</v>
      </c>
      <c r="G175" s="3">
        <v>0</v>
      </c>
      <c r="H175" s="3" t="s">
        <v>525</v>
      </c>
    </row>
    <row r="176" spans="2:8" x14ac:dyDescent="0.25">
      <c r="B176" s="1" t="s">
        <v>526</v>
      </c>
      <c r="C176" s="1">
        <v>2023</v>
      </c>
      <c r="D176" s="1" t="s">
        <v>487</v>
      </c>
      <c r="E176" s="4" t="s">
        <v>593</v>
      </c>
      <c r="F176" s="3">
        <v>78.995645179794764</v>
      </c>
      <c r="G176" s="3">
        <v>0</v>
      </c>
      <c r="H176" s="3" t="s">
        <v>525</v>
      </c>
    </row>
    <row r="177" spans="2:8" x14ac:dyDescent="0.25">
      <c r="B177" s="1" t="s">
        <v>465</v>
      </c>
      <c r="C177" s="1">
        <v>2023</v>
      </c>
      <c r="D177" s="1" t="s">
        <v>462</v>
      </c>
      <c r="E177" s="4" t="s">
        <v>593</v>
      </c>
      <c r="F177" s="3">
        <v>0</v>
      </c>
      <c r="G177" s="3">
        <v>0</v>
      </c>
      <c r="H177" s="3">
        <v>0</v>
      </c>
    </row>
    <row r="178" spans="2:8" x14ac:dyDescent="0.25">
      <c r="B178" s="1" t="s">
        <v>526</v>
      </c>
      <c r="C178" s="1">
        <v>2023</v>
      </c>
      <c r="D178" s="1" t="s">
        <v>509</v>
      </c>
      <c r="E178" s="4" t="s">
        <v>593</v>
      </c>
      <c r="F178" s="3">
        <v>331.72310069404114</v>
      </c>
      <c r="G178" s="3">
        <v>0</v>
      </c>
      <c r="H178" s="3" t="s">
        <v>525</v>
      </c>
    </row>
    <row r="179" spans="2:8" x14ac:dyDescent="0.25">
      <c r="B179" s="1" t="s">
        <v>543</v>
      </c>
      <c r="C179" s="1">
        <v>2023</v>
      </c>
      <c r="D179" s="1" t="s">
        <v>541</v>
      </c>
      <c r="E179" s="4" t="s">
        <v>593</v>
      </c>
      <c r="F179" s="3">
        <v>0</v>
      </c>
      <c r="G179" s="3" t="s">
        <v>525</v>
      </c>
      <c r="H179" s="3">
        <v>0</v>
      </c>
    </row>
    <row r="180" spans="2:8" x14ac:dyDescent="0.25">
      <c r="B180" s="1" t="s">
        <v>543</v>
      </c>
      <c r="C180" s="1">
        <v>2023</v>
      </c>
      <c r="D180" s="1" t="s">
        <v>546</v>
      </c>
      <c r="E180" s="4" t="s">
        <v>593</v>
      </c>
      <c r="F180" s="3">
        <v>0</v>
      </c>
      <c r="G180" s="3">
        <v>133.82608695652175</v>
      </c>
      <c r="H180" s="3">
        <v>0</v>
      </c>
    </row>
    <row r="181" spans="2:8" x14ac:dyDescent="0.25">
      <c r="B181" s="1" t="s">
        <v>465</v>
      </c>
      <c r="C181" s="1">
        <v>2023</v>
      </c>
      <c r="D181" s="1" t="s">
        <v>457</v>
      </c>
      <c r="E181" s="4" t="s">
        <v>593</v>
      </c>
      <c r="F181" s="3">
        <v>0</v>
      </c>
      <c r="G181" s="3">
        <v>0</v>
      </c>
      <c r="H181" s="3">
        <v>0</v>
      </c>
    </row>
    <row r="182" spans="2:8" x14ac:dyDescent="0.25">
      <c r="B182" s="1" t="s">
        <v>526</v>
      </c>
      <c r="C182" s="1">
        <v>2023</v>
      </c>
      <c r="D182" s="1" t="s">
        <v>487</v>
      </c>
      <c r="E182" s="4" t="s">
        <v>593</v>
      </c>
      <c r="F182" s="3">
        <v>50.71756941764923</v>
      </c>
      <c r="G182" s="3">
        <v>0</v>
      </c>
      <c r="H182" s="3" t="s">
        <v>525</v>
      </c>
    </row>
    <row r="183" spans="2:8" x14ac:dyDescent="0.25">
      <c r="B183" s="1" t="s">
        <v>526</v>
      </c>
      <c r="C183" s="1">
        <v>2023</v>
      </c>
      <c r="D183" s="1" t="s">
        <v>504</v>
      </c>
      <c r="E183" s="4" t="s">
        <v>593</v>
      </c>
      <c r="F183" s="3">
        <v>0</v>
      </c>
      <c r="G183" s="3">
        <v>0</v>
      </c>
      <c r="H183" s="3">
        <v>0</v>
      </c>
    </row>
    <row r="184" spans="2:8" x14ac:dyDescent="0.25">
      <c r="B184" s="1" t="s">
        <v>543</v>
      </c>
      <c r="C184" s="1">
        <v>2023</v>
      </c>
      <c r="D184" s="1" t="s">
        <v>549</v>
      </c>
      <c r="E184" s="4" t="s">
        <v>593</v>
      </c>
      <c r="F184" s="3">
        <v>0</v>
      </c>
      <c r="G184" s="3">
        <v>0</v>
      </c>
      <c r="H184" s="3">
        <v>0</v>
      </c>
    </row>
    <row r="185" spans="2:8" x14ac:dyDescent="0.25">
      <c r="B185" s="1" t="s">
        <v>479</v>
      </c>
      <c r="C185" s="1">
        <v>2023</v>
      </c>
      <c r="D185" s="1" t="s">
        <v>471</v>
      </c>
      <c r="E185" s="4" t="s">
        <v>593</v>
      </c>
      <c r="F185" s="3">
        <v>12.967029019944091</v>
      </c>
      <c r="G185" s="3">
        <v>102.25442436416593</v>
      </c>
      <c r="H185" s="3">
        <v>0</v>
      </c>
    </row>
    <row r="186" spans="2:8" x14ac:dyDescent="0.25">
      <c r="B186" s="1" t="s">
        <v>465</v>
      </c>
      <c r="C186" s="1">
        <v>2023</v>
      </c>
      <c r="D186" s="1" t="s">
        <v>462</v>
      </c>
      <c r="E186" s="4" t="s">
        <v>593</v>
      </c>
      <c r="F186" s="3">
        <v>0</v>
      </c>
      <c r="G186" s="3">
        <v>0</v>
      </c>
      <c r="H186" s="3">
        <v>0</v>
      </c>
    </row>
    <row r="187" spans="2:8" x14ac:dyDescent="0.25">
      <c r="B187" s="1" t="s">
        <v>465</v>
      </c>
      <c r="C187" s="1">
        <v>2023</v>
      </c>
      <c r="D187" s="1" t="s">
        <v>457</v>
      </c>
      <c r="E187" s="4" t="s">
        <v>593</v>
      </c>
      <c r="F187" s="3">
        <v>0</v>
      </c>
      <c r="G187" s="3">
        <v>0</v>
      </c>
      <c r="H187" s="3">
        <v>0</v>
      </c>
    </row>
    <row r="188" spans="2:8" x14ac:dyDescent="0.25">
      <c r="B188" s="1" t="s">
        <v>543</v>
      </c>
      <c r="C188" s="1">
        <v>2023</v>
      </c>
      <c r="D188" s="1" t="s">
        <v>549</v>
      </c>
      <c r="E188" s="4" t="s">
        <v>593</v>
      </c>
      <c r="F188" s="3">
        <v>0</v>
      </c>
      <c r="G188" s="3">
        <v>0</v>
      </c>
      <c r="H188" s="3">
        <v>0</v>
      </c>
    </row>
    <row r="189" spans="2:8" x14ac:dyDescent="0.25">
      <c r="B189" s="1" t="s">
        <v>526</v>
      </c>
      <c r="C189" s="1">
        <v>2023</v>
      </c>
      <c r="D189" s="1" t="s">
        <v>484</v>
      </c>
      <c r="E189" s="4" t="s">
        <v>593</v>
      </c>
      <c r="F189" s="3">
        <v>57.650724471721631</v>
      </c>
      <c r="G189" s="3">
        <v>0</v>
      </c>
      <c r="H189" s="3" t="s">
        <v>525</v>
      </c>
    </row>
    <row r="190" spans="2:8" x14ac:dyDescent="0.25">
      <c r="B190" s="1" t="s">
        <v>526</v>
      </c>
      <c r="C190" s="1">
        <v>2023</v>
      </c>
      <c r="D190" s="1" t="s">
        <v>484</v>
      </c>
      <c r="E190" s="4" t="s">
        <v>593</v>
      </c>
      <c r="F190" s="3">
        <v>109.08330072630299</v>
      </c>
      <c r="G190" s="3">
        <v>0</v>
      </c>
      <c r="H190" s="3" t="s">
        <v>525</v>
      </c>
    </row>
    <row r="191" spans="2:8" x14ac:dyDescent="0.25">
      <c r="B191" s="1" t="s">
        <v>526</v>
      </c>
      <c r="C191" s="1">
        <v>2023</v>
      </c>
      <c r="D191" s="1" t="s">
        <v>509</v>
      </c>
      <c r="E191" s="4" t="s">
        <v>593</v>
      </c>
      <c r="F191" s="3">
        <v>322.75761148609399</v>
      </c>
      <c r="G191" s="3">
        <v>0</v>
      </c>
      <c r="H191" s="3" t="s">
        <v>525</v>
      </c>
    </row>
    <row r="192" spans="2:8" x14ac:dyDescent="0.25">
      <c r="B192" s="1" t="s">
        <v>526</v>
      </c>
      <c r="C192" s="1">
        <v>2023</v>
      </c>
      <c r="D192" s="1" t="s">
        <v>484</v>
      </c>
      <c r="E192" s="4" t="s">
        <v>593</v>
      </c>
      <c r="F192" s="3">
        <v>15.68424515233627</v>
      </c>
      <c r="G192" s="3">
        <v>0</v>
      </c>
      <c r="H192" s="3" t="s">
        <v>525</v>
      </c>
    </row>
    <row r="193" spans="2:8" x14ac:dyDescent="0.25">
      <c r="B193" s="1" t="s">
        <v>465</v>
      </c>
      <c r="C193" s="1">
        <v>2023</v>
      </c>
      <c r="D193" s="1" t="s">
        <v>463</v>
      </c>
      <c r="E193" s="4" t="s">
        <v>593</v>
      </c>
      <c r="F193" s="3">
        <v>0</v>
      </c>
      <c r="G193" s="3">
        <v>0</v>
      </c>
      <c r="H193" s="3">
        <v>0</v>
      </c>
    </row>
    <row r="194" spans="2:8" x14ac:dyDescent="0.25">
      <c r="B194" s="1" t="s">
        <v>543</v>
      </c>
      <c r="C194" s="1">
        <v>2023</v>
      </c>
      <c r="D194" s="1" t="s">
        <v>532</v>
      </c>
      <c r="E194" s="4" t="s">
        <v>593</v>
      </c>
      <c r="F194" s="3">
        <v>0</v>
      </c>
      <c r="G194" s="3" t="s">
        <v>525</v>
      </c>
      <c r="H194" s="3">
        <v>0</v>
      </c>
    </row>
    <row r="195" spans="2:8" x14ac:dyDescent="0.25">
      <c r="B195" s="1" t="s">
        <v>543</v>
      </c>
      <c r="C195" s="1">
        <v>2023</v>
      </c>
      <c r="D195" s="1" t="s">
        <v>542</v>
      </c>
      <c r="E195" s="4" t="s">
        <v>593</v>
      </c>
      <c r="F195" s="3">
        <v>0</v>
      </c>
      <c r="G195" s="3" t="s">
        <v>525</v>
      </c>
      <c r="H195" s="3">
        <v>0</v>
      </c>
    </row>
    <row r="196" spans="2:8" x14ac:dyDescent="0.25">
      <c r="B196" s="1" t="s">
        <v>543</v>
      </c>
      <c r="C196" s="1">
        <v>2023</v>
      </c>
      <c r="D196" s="1" t="s">
        <v>551</v>
      </c>
      <c r="E196" s="4" t="s">
        <v>593</v>
      </c>
      <c r="F196" s="3">
        <v>0</v>
      </c>
      <c r="G196" s="3">
        <v>0</v>
      </c>
      <c r="H196" s="3">
        <v>0</v>
      </c>
    </row>
    <row r="197" spans="2:8" x14ac:dyDescent="0.25">
      <c r="B197" s="1" t="s">
        <v>543</v>
      </c>
      <c r="C197" s="1">
        <v>2023</v>
      </c>
      <c r="D197" s="1" t="s">
        <v>532</v>
      </c>
      <c r="E197" s="4" t="s">
        <v>593</v>
      </c>
      <c r="F197" s="3">
        <v>0</v>
      </c>
      <c r="G197" s="3" t="s">
        <v>525</v>
      </c>
      <c r="H197" s="3">
        <v>0</v>
      </c>
    </row>
    <row r="198" spans="2:8" x14ac:dyDescent="0.25">
      <c r="B198" s="1" t="s">
        <v>526</v>
      </c>
      <c r="C198" s="1">
        <v>2023</v>
      </c>
      <c r="D198" s="1" t="s">
        <v>488</v>
      </c>
      <c r="E198" s="4" t="s">
        <v>593</v>
      </c>
      <c r="F198" s="3">
        <v>24.763767290889188</v>
      </c>
      <c r="G198" s="3">
        <v>0</v>
      </c>
      <c r="H198" s="3" t="s">
        <v>525</v>
      </c>
    </row>
    <row r="199" spans="2:8" x14ac:dyDescent="0.25">
      <c r="B199" s="1" t="s">
        <v>526</v>
      </c>
      <c r="C199" s="1">
        <v>2023</v>
      </c>
      <c r="D199" s="1" t="s">
        <v>504</v>
      </c>
      <c r="E199" s="4" t="s">
        <v>593</v>
      </c>
      <c r="F199" s="3">
        <v>956.34341134029796</v>
      </c>
      <c r="G199" s="3">
        <v>0</v>
      </c>
      <c r="H199" s="3">
        <v>10745</v>
      </c>
    </row>
    <row r="200" spans="2:8" x14ac:dyDescent="0.25">
      <c r="B200" s="1" t="s">
        <v>543</v>
      </c>
      <c r="C200" s="1">
        <v>2023</v>
      </c>
      <c r="D200" s="1" t="s">
        <v>546</v>
      </c>
      <c r="E200" s="4" t="s">
        <v>593</v>
      </c>
      <c r="F200" s="3">
        <v>0</v>
      </c>
      <c r="G200" s="3">
        <v>0</v>
      </c>
      <c r="H200" s="3">
        <v>0</v>
      </c>
    </row>
    <row r="201" spans="2:8" x14ac:dyDescent="0.25">
      <c r="B201" s="1" t="s">
        <v>526</v>
      </c>
      <c r="C201" s="1">
        <v>2023</v>
      </c>
      <c r="D201" s="1" t="s">
        <v>484</v>
      </c>
      <c r="E201" s="4" t="s">
        <v>593</v>
      </c>
      <c r="F201" s="3">
        <v>248.46015733681961</v>
      </c>
      <c r="G201" s="3">
        <v>0</v>
      </c>
      <c r="H201" s="3" t="s">
        <v>525</v>
      </c>
    </row>
    <row r="202" spans="2:8" x14ac:dyDescent="0.25">
      <c r="B202" s="1" t="s">
        <v>526</v>
      </c>
      <c r="C202" s="1">
        <v>2023</v>
      </c>
      <c r="D202" s="1" t="s">
        <v>505</v>
      </c>
      <c r="E202" s="4" t="s">
        <v>593</v>
      </c>
      <c r="F202" s="3">
        <v>45.999266941666669</v>
      </c>
      <c r="G202" s="3">
        <v>240.83385833333335</v>
      </c>
      <c r="H202" s="3" t="s">
        <v>525</v>
      </c>
    </row>
    <row r="203" spans="2:8" x14ac:dyDescent="0.25">
      <c r="B203" s="1" t="s">
        <v>526</v>
      </c>
      <c r="C203" s="1">
        <v>2023</v>
      </c>
      <c r="D203" s="1" t="s">
        <v>484</v>
      </c>
      <c r="E203" s="4" t="s">
        <v>593</v>
      </c>
      <c r="F203" s="3">
        <v>0</v>
      </c>
      <c r="G203" s="3">
        <v>0</v>
      </c>
      <c r="H203" s="3" t="s">
        <v>525</v>
      </c>
    </row>
    <row r="204" spans="2:8" x14ac:dyDescent="0.25">
      <c r="B204" s="1" t="s">
        <v>526</v>
      </c>
      <c r="C204" s="1">
        <v>2023</v>
      </c>
      <c r="D204" s="1" t="s">
        <v>484</v>
      </c>
      <c r="E204" s="4" t="s">
        <v>593</v>
      </c>
      <c r="F204" s="3">
        <v>0</v>
      </c>
      <c r="G204" s="3">
        <v>0</v>
      </c>
      <c r="H204" s="3" t="s">
        <v>525</v>
      </c>
    </row>
    <row r="205" spans="2:8" x14ac:dyDescent="0.25">
      <c r="B205" s="1" t="s">
        <v>543</v>
      </c>
      <c r="C205" s="1">
        <v>2023</v>
      </c>
      <c r="D205" s="1" t="s">
        <v>549</v>
      </c>
      <c r="E205" s="4" t="s">
        <v>593</v>
      </c>
      <c r="F205" s="3">
        <v>0</v>
      </c>
      <c r="G205" s="3">
        <v>0</v>
      </c>
      <c r="H205" s="3">
        <v>0</v>
      </c>
    </row>
    <row r="206" spans="2:8" x14ac:dyDescent="0.25">
      <c r="B206" s="1" t="s">
        <v>526</v>
      </c>
      <c r="C206" s="1">
        <v>2023</v>
      </c>
      <c r="D206" s="1" t="s">
        <v>487</v>
      </c>
      <c r="E206" s="4" t="s">
        <v>593</v>
      </c>
      <c r="F206" s="3">
        <v>33.603854669556966</v>
      </c>
      <c r="G206" s="3">
        <v>0</v>
      </c>
      <c r="H206" s="3" t="s">
        <v>525</v>
      </c>
    </row>
    <row r="207" spans="2:8" x14ac:dyDescent="0.25">
      <c r="B207" s="1" t="s">
        <v>559</v>
      </c>
      <c r="C207" s="1">
        <v>2023</v>
      </c>
      <c r="D207" s="1" t="s">
        <v>558</v>
      </c>
      <c r="E207" s="4" t="s">
        <v>593</v>
      </c>
      <c r="F207" s="3">
        <v>0</v>
      </c>
      <c r="G207" s="3">
        <v>0</v>
      </c>
      <c r="H207" s="3">
        <v>0</v>
      </c>
    </row>
    <row r="208" spans="2:8" x14ac:dyDescent="0.25">
      <c r="B208" s="1" t="s">
        <v>543</v>
      </c>
      <c r="C208" s="1">
        <v>2023</v>
      </c>
      <c r="D208" s="1" t="s">
        <v>549</v>
      </c>
      <c r="E208" s="4" t="s">
        <v>593</v>
      </c>
      <c r="F208" s="3">
        <v>0</v>
      </c>
      <c r="G208" s="3">
        <v>0</v>
      </c>
      <c r="H208" s="3">
        <v>0</v>
      </c>
    </row>
    <row r="209" spans="2:8" x14ac:dyDescent="0.25">
      <c r="B209" s="1" t="s">
        <v>526</v>
      </c>
      <c r="C209" s="1">
        <v>2023</v>
      </c>
      <c r="D209" s="1" t="s">
        <v>489</v>
      </c>
      <c r="E209" s="4" t="s">
        <v>593</v>
      </c>
      <c r="F209" s="3">
        <v>0</v>
      </c>
      <c r="G209" s="3">
        <v>0</v>
      </c>
      <c r="H209" s="3" t="s">
        <v>525</v>
      </c>
    </row>
    <row r="210" spans="2:8" x14ac:dyDescent="0.25">
      <c r="B210" s="1" t="s">
        <v>526</v>
      </c>
      <c r="C210" s="1">
        <v>2023</v>
      </c>
      <c r="D210" s="1" t="s">
        <v>489</v>
      </c>
      <c r="E210" s="4" t="s">
        <v>593</v>
      </c>
      <c r="F210" s="3">
        <v>0</v>
      </c>
      <c r="G210" s="3">
        <v>0</v>
      </c>
      <c r="H210" s="3" t="s">
        <v>525</v>
      </c>
    </row>
    <row r="211" spans="2:8" x14ac:dyDescent="0.25">
      <c r="B211" s="1" t="s">
        <v>526</v>
      </c>
      <c r="C211" s="1">
        <v>2023</v>
      </c>
      <c r="D211" s="1" t="s">
        <v>484</v>
      </c>
      <c r="E211" s="4" t="s">
        <v>593</v>
      </c>
      <c r="F211" s="3">
        <v>0</v>
      </c>
      <c r="G211" s="3">
        <v>0</v>
      </c>
      <c r="H211" s="3" t="s">
        <v>525</v>
      </c>
    </row>
    <row r="212" spans="2:8" x14ac:dyDescent="0.25">
      <c r="B212" s="1" t="s">
        <v>543</v>
      </c>
      <c r="C212" s="1">
        <v>2023</v>
      </c>
      <c r="D212" s="1" t="s">
        <v>532</v>
      </c>
      <c r="E212" s="4" t="s">
        <v>593</v>
      </c>
      <c r="F212" s="3">
        <v>0</v>
      </c>
      <c r="G212" s="3" t="s">
        <v>525</v>
      </c>
      <c r="H212" s="3">
        <v>0</v>
      </c>
    </row>
    <row r="213" spans="2:8" x14ac:dyDescent="0.25">
      <c r="B213" s="1" t="s">
        <v>543</v>
      </c>
      <c r="C213" s="1">
        <v>2023</v>
      </c>
      <c r="D213" s="1" t="s">
        <v>538</v>
      </c>
      <c r="E213" s="4" t="s">
        <v>593</v>
      </c>
      <c r="F213" s="3">
        <v>0</v>
      </c>
      <c r="G213" s="3" t="s">
        <v>525</v>
      </c>
      <c r="H213" s="3">
        <v>0</v>
      </c>
    </row>
    <row r="214" spans="2:8" x14ac:dyDescent="0.25">
      <c r="B214" s="1" t="s">
        <v>465</v>
      </c>
      <c r="C214" s="1">
        <v>2023</v>
      </c>
      <c r="D214" s="1" t="s">
        <v>463</v>
      </c>
      <c r="E214" s="4" t="s">
        <v>593</v>
      </c>
      <c r="F214" s="3">
        <v>0</v>
      </c>
      <c r="G214" s="3">
        <v>0</v>
      </c>
      <c r="H214" s="3">
        <v>0</v>
      </c>
    </row>
    <row r="215" spans="2:8" x14ac:dyDescent="0.25">
      <c r="B215" s="1" t="s">
        <v>526</v>
      </c>
      <c r="C215" s="1">
        <v>2023</v>
      </c>
      <c r="D215" s="1" t="s">
        <v>487</v>
      </c>
      <c r="E215" s="4" t="s">
        <v>593</v>
      </c>
      <c r="F215" s="3">
        <v>0</v>
      </c>
      <c r="G215" s="3">
        <v>0</v>
      </c>
      <c r="H215" s="3" t="s">
        <v>525</v>
      </c>
    </row>
    <row r="216" spans="2:8" x14ac:dyDescent="0.25">
      <c r="B216" s="1" t="s">
        <v>465</v>
      </c>
      <c r="C216" s="1">
        <v>2023</v>
      </c>
      <c r="D216" s="1" t="s">
        <v>462</v>
      </c>
      <c r="E216" s="4" t="s">
        <v>593</v>
      </c>
      <c r="F216" s="3">
        <v>0</v>
      </c>
      <c r="G216" s="3">
        <v>0</v>
      </c>
      <c r="H216" s="3">
        <v>0</v>
      </c>
    </row>
    <row r="217" spans="2:8" x14ac:dyDescent="0.25">
      <c r="B217" s="1" t="s">
        <v>479</v>
      </c>
      <c r="C217" s="1">
        <v>2023</v>
      </c>
      <c r="D217" s="1" t="s">
        <v>471</v>
      </c>
      <c r="E217" s="4" t="s">
        <v>593</v>
      </c>
      <c r="F217" s="3">
        <v>0</v>
      </c>
      <c r="G217" s="3">
        <v>0</v>
      </c>
      <c r="H217" s="3">
        <v>0</v>
      </c>
    </row>
    <row r="218" spans="2:8" x14ac:dyDescent="0.25">
      <c r="B218" s="1" t="s">
        <v>479</v>
      </c>
      <c r="C218" s="1">
        <v>2023</v>
      </c>
      <c r="D218" s="1" t="s">
        <v>470</v>
      </c>
      <c r="E218" s="4" t="s">
        <v>593</v>
      </c>
      <c r="F218" s="3">
        <v>0</v>
      </c>
      <c r="G218" s="3">
        <v>0</v>
      </c>
      <c r="H218" s="3">
        <v>0</v>
      </c>
    </row>
    <row r="219" spans="2:8" x14ac:dyDescent="0.25">
      <c r="B219" s="1" t="s">
        <v>526</v>
      </c>
      <c r="C219" s="1">
        <v>2023</v>
      </c>
      <c r="D219" s="1" t="s">
        <v>484</v>
      </c>
      <c r="E219" s="4" t="s">
        <v>593</v>
      </c>
      <c r="F219" s="3">
        <v>0</v>
      </c>
      <c r="G219" s="3">
        <v>0</v>
      </c>
      <c r="H219" s="3" t="s">
        <v>525</v>
      </c>
    </row>
    <row r="220" spans="2:8" x14ac:dyDescent="0.25">
      <c r="B220" s="1" t="s">
        <v>526</v>
      </c>
      <c r="C220" s="1">
        <v>2023</v>
      </c>
      <c r="D220" s="1" t="s">
        <v>509</v>
      </c>
      <c r="E220" s="4" t="s">
        <v>593</v>
      </c>
      <c r="F220" s="3">
        <v>102.68067598278994</v>
      </c>
      <c r="G220" s="3">
        <v>0</v>
      </c>
      <c r="H220" s="3" t="s">
        <v>525</v>
      </c>
    </row>
    <row r="221" spans="2:8" x14ac:dyDescent="0.25">
      <c r="B221" s="1" t="s">
        <v>526</v>
      </c>
      <c r="C221" s="1">
        <v>2023</v>
      </c>
      <c r="D221" s="1" t="s">
        <v>492</v>
      </c>
      <c r="E221" s="4" t="s">
        <v>593</v>
      </c>
      <c r="F221" s="3">
        <v>0</v>
      </c>
      <c r="G221" s="3">
        <v>0</v>
      </c>
      <c r="H221" s="3" t="s">
        <v>525</v>
      </c>
    </row>
    <row r="222" spans="2:8" x14ac:dyDescent="0.25">
      <c r="B222" s="1" t="s">
        <v>526</v>
      </c>
      <c r="C222" s="1">
        <v>2023</v>
      </c>
      <c r="D222" s="1" t="s">
        <v>481</v>
      </c>
      <c r="E222" s="4" t="s">
        <v>593</v>
      </c>
      <c r="F222" s="3">
        <v>91.753925578404235</v>
      </c>
      <c r="G222" s="3">
        <v>0</v>
      </c>
      <c r="H222" s="3" t="s">
        <v>525</v>
      </c>
    </row>
    <row r="223" spans="2:8" x14ac:dyDescent="0.25">
      <c r="B223" s="1" t="s">
        <v>526</v>
      </c>
      <c r="C223" s="1">
        <v>2023</v>
      </c>
      <c r="D223" s="1" t="s">
        <v>481</v>
      </c>
      <c r="E223" s="4" t="s">
        <v>593</v>
      </c>
      <c r="F223" s="3">
        <v>178.51808618992015</v>
      </c>
      <c r="G223" s="3">
        <v>0</v>
      </c>
      <c r="H223" s="3" t="s">
        <v>525</v>
      </c>
    </row>
    <row r="224" spans="2:8" x14ac:dyDescent="0.25">
      <c r="B224" s="1" t="s">
        <v>543</v>
      </c>
      <c r="C224" s="1">
        <v>2023</v>
      </c>
      <c r="D224" s="1" t="s">
        <v>557</v>
      </c>
      <c r="E224" s="4" t="s">
        <v>593</v>
      </c>
      <c r="F224" s="3">
        <v>0</v>
      </c>
      <c r="G224" s="3">
        <v>0</v>
      </c>
      <c r="H224" s="3">
        <v>0</v>
      </c>
    </row>
    <row r="225" spans="2:8" x14ac:dyDescent="0.25">
      <c r="B225" s="1" t="s">
        <v>465</v>
      </c>
      <c r="C225" s="1">
        <v>2023</v>
      </c>
      <c r="D225" s="1" t="s">
        <v>451</v>
      </c>
      <c r="E225" s="4" t="s">
        <v>593</v>
      </c>
      <c r="F225" s="3">
        <v>153.08088000000001</v>
      </c>
      <c r="G225" s="3">
        <v>0</v>
      </c>
      <c r="H225" s="3">
        <v>0</v>
      </c>
    </row>
    <row r="226" spans="2:8" x14ac:dyDescent="0.25">
      <c r="B226" s="1" t="s">
        <v>465</v>
      </c>
      <c r="C226" s="1">
        <v>2023</v>
      </c>
      <c r="D226" s="1" t="s">
        <v>463</v>
      </c>
      <c r="E226" s="4" t="s">
        <v>593</v>
      </c>
      <c r="F226" s="3">
        <v>0</v>
      </c>
      <c r="G226" s="3">
        <v>0</v>
      </c>
      <c r="H226" s="3">
        <v>0</v>
      </c>
    </row>
    <row r="227" spans="2:8" x14ac:dyDescent="0.25">
      <c r="B227" s="1" t="s">
        <v>543</v>
      </c>
      <c r="C227" s="1">
        <v>2023</v>
      </c>
      <c r="D227" s="1" t="s">
        <v>532</v>
      </c>
      <c r="E227" s="4" t="s">
        <v>593</v>
      </c>
      <c r="F227" s="3">
        <v>0</v>
      </c>
      <c r="G227" s="3" t="s">
        <v>525</v>
      </c>
      <c r="H227" s="3">
        <v>0</v>
      </c>
    </row>
    <row r="228" spans="2:8" x14ac:dyDescent="0.25">
      <c r="B228" s="1" t="s">
        <v>530</v>
      </c>
      <c r="C228" s="1">
        <v>2023</v>
      </c>
      <c r="D228" s="1" t="s">
        <v>529</v>
      </c>
      <c r="E228" s="4" t="s">
        <v>593</v>
      </c>
      <c r="F228" s="3" t="s">
        <v>525</v>
      </c>
      <c r="G228" s="3" t="s">
        <v>525</v>
      </c>
      <c r="H228" s="3" t="s">
        <v>525</v>
      </c>
    </row>
    <row r="229" spans="2:8" x14ac:dyDescent="0.25">
      <c r="B229" s="1" t="s">
        <v>465</v>
      </c>
      <c r="C229" s="1">
        <v>2023</v>
      </c>
      <c r="D229" s="1" t="s">
        <v>464</v>
      </c>
      <c r="E229" s="4" t="s">
        <v>593</v>
      </c>
      <c r="F229" s="3">
        <v>0</v>
      </c>
      <c r="G229" s="3">
        <v>0</v>
      </c>
      <c r="H229" s="3">
        <v>0</v>
      </c>
    </row>
    <row r="230" spans="2:8" x14ac:dyDescent="0.25">
      <c r="B230" s="1" t="s">
        <v>526</v>
      </c>
      <c r="C230" s="1">
        <v>2023</v>
      </c>
      <c r="D230" s="1" t="s">
        <v>504</v>
      </c>
      <c r="E230" s="4" t="s">
        <v>593</v>
      </c>
      <c r="F230" s="3">
        <v>0</v>
      </c>
      <c r="G230" s="3">
        <v>0</v>
      </c>
      <c r="H230" s="3" t="s">
        <v>525</v>
      </c>
    </row>
    <row r="231" spans="2:8" x14ac:dyDescent="0.25">
      <c r="B231" s="1" t="s">
        <v>526</v>
      </c>
      <c r="C231" s="1">
        <v>2023</v>
      </c>
      <c r="D231" s="1" t="s">
        <v>488</v>
      </c>
      <c r="E231" s="4" t="s">
        <v>593</v>
      </c>
      <c r="F231" s="3">
        <v>36.567298782736032</v>
      </c>
      <c r="G231" s="3">
        <v>0</v>
      </c>
      <c r="H231" s="3" t="s">
        <v>525</v>
      </c>
    </row>
    <row r="232" spans="2:8" x14ac:dyDescent="0.25">
      <c r="B232" s="1" t="s">
        <v>543</v>
      </c>
      <c r="C232" s="1">
        <v>2023</v>
      </c>
      <c r="D232" s="1" t="s">
        <v>546</v>
      </c>
      <c r="E232" s="4" t="s">
        <v>593</v>
      </c>
      <c r="F232" s="3">
        <v>0</v>
      </c>
      <c r="G232" s="3">
        <v>0</v>
      </c>
      <c r="H232" s="3">
        <v>0</v>
      </c>
    </row>
    <row r="233" spans="2:8" x14ac:dyDescent="0.25">
      <c r="B233" s="1" t="s">
        <v>530</v>
      </c>
      <c r="C233" s="1">
        <v>2023</v>
      </c>
      <c r="D233" s="1" t="s">
        <v>529</v>
      </c>
      <c r="E233" s="4" t="s">
        <v>593</v>
      </c>
      <c r="F233" s="3" t="s">
        <v>525</v>
      </c>
      <c r="G233" s="3" t="s">
        <v>525</v>
      </c>
      <c r="H233" s="3" t="s">
        <v>525</v>
      </c>
    </row>
    <row r="234" spans="2:8" x14ac:dyDescent="0.25">
      <c r="B234" s="1" t="s">
        <v>526</v>
      </c>
      <c r="C234" s="1">
        <v>2023</v>
      </c>
      <c r="D234" s="1" t="s">
        <v>509</v>
      </c>
      <c r="E234" s="4" t="s">
        <v>593</v>
      </c>
      <c r="F234" s="3">
        <v>39.351255982570073</v>
      </c>
      <c r="G234" s="3">
        <v>0</v>
      </c>
      <c r="H234" s="3" t="s">
        <v>525</v>
      </c>
    </row>
    <row r="235" spans="2:8" x14ac:dyDescent="0.25">
      <c r="B235" s="1" t="s">
        <v>526</v>
      </c>
      <c r="C235" s="1">
        <v>2023</v>
      </c>
      <c r="D235" s="1" t="s">
        <v>490</v>
      </c>
      <c r="E235" s="4" t="s">
        <v>593</v>
      </c>
      <c r="F235" s="3">
        <v>0</v>
      </c>
      <c r="G235" s="3">
        <v>0</v>
      </c>
      <c r="H235" s="3" t="s">
        <v>525</v>
      </c>
    </row>
    <row r="236" spans="2:8" x14ac:dyDescent="0.25">
      <c r="B236" s="1" t="s">
        <v>543</v>
      </c>
      <c r="C236" s="1">
        <v>2023</v>
      </c>
      <c r="D236" s="1" t="s">
        <v>546</v>
      </c>
      <c r="E236" s="4" t="s">
        <v>593</v>
      </c>
      <c r="F236" s="3">
        <v>0</v>
      </c>
      <c r="G236" s="3">
        <v>0</v>
      </c>
      <c r="H236" s="3">
        <v>0</v>
      </c>
    </row>
    <row r="237" spans="2:8" x14ac:dyDescent="0.25">
      <c r="B237" s="1" t="s">
        <v>543</v>
      </c>
      <c r="C237" s="1">
        <v>2023</v>
      </c>
      <c r="D237" s="1" t="s">
        <v>532</v>
      </c>
      <c r="E237" s="4" t="s">
        <v>593</v>
      </c>
      <c r="F237" s="3">
        <v>0</v>
      </c>
      <c r="G237" s="3" t="s">
        <v>525</v>
      </c>
      <c r="H237" s="3">
        <v>0</v>
      </c>
    </row>
    <row r="238" spans="2:8" x14ac:dyDescent="0.25">
      <c r="B238" s="1" t="s">
        <v>543</v>
      </c>
      <c r="C238" s="1">
        <v>2023</v>
      </c>
      <c r="D238" s="1" t="s">
        <v>532</v>
      </c>
      <c r="E238" s="4" t="s">
        <v>593</v>
      </c>
      <c r="F238" s="3">
        <v>0</v>
      </c>
      <c r="G238" s="3" t="s">
        <v>525</v>
      </c>
      <c r="H238" s="3">
        <v>0</v>
      </c>
    </row>
    <row r="239" spans="2:8" x14ac:dyDescent="0.25">
      <c r="B239" s="1" t="s">
        <v>543</v>
      </c>
      <c r="C239" s="1">
        <v>2023</v>
      </c>
      <c r="D239" s="1" t="s">
        <v>544</v>
      </c>
      <c r="E239" s="4" t="s">
        <v>593</v>
      </c>
      <c r="F239" s="3">
        <v>0</v>
      </c>
      <c r="G239" s="3">
        <v>0</v>
      </c>
      <c r="H239" s="3">
        <v>0</v>
      </c>
    </row>
    <row r="240" spans="2:8" x14ac:dyDescent="0.25">
      <c r="B240" s="1" t="s">
        <v>465</v>
      </c>
      <c r="C240" s="1">
        <v>2023</v>
      </c>
      <c r="D240" s="1" t="s">
        <v>462</v>
      </c>
      <c r="E240" s="4" t="s">
        <v>593</v>
      </c>
      <c r="F240" s="3">
        <v>242.04374999999999</v>
      </c>
      <c r="G240" s="3">
        <v>0</v>
      </c>
      <c r="H240" s="3">
        <v>0</v>
      </c>
    </row>
    <row r="241" spans="2:8" x14ac:dyDescent="0.25">
      <c r="B241" s="1" t="s">
        <v>526</v>
      </c>
      <c r="C241" s="1">
        <v>2023</v>
      </c>
      <c r="D241" s="1" t="s">
        <v>505</v>
      </c>
      <c r="E241" s="4" t="s">
        <v>593</v>
      </c>
      <c r="F241" s="3">
        <v>0</v>
      </c>
      <c r="G241" s="3">
        <v>0</v>
      </c>
      <c r="H241" s="3" t="s">
        <v>525</v>
      </c>
    </row>
    <row r="242" spans="2:8" x14ac:dyDescent="0.25">
      <c r="B242" s="1" t="s">
        <v>465</v>
      </c>
      <c r="C242" s="1">
        <v>2023</v>
      </c>
      <c r="D242" s="1" t="s">
        <v>452</v>
      </c>
      <c r="E242" s="4" t="s">
        <v>593</v>
      </c>
      <c r="F242" s="3">
        <v>0</v>
      </c>
      <c r="G242" s="3">
        <v>0</v>
      </c>
      <c r="H242" s="3">
        <v>0</v>
      </c>
    </row>
    <row r="243" spans="2:8" x14ac:dyDescent="0.25">
      <c r="B243" s="1" t="s">
        <v>526</v>
      </c>
      <c r="C243" s="1">
        <v>2023</v>
      </c>
      <c r="D243" s="1" t="s">
        <v>509</v>
      </c>
      <c r="E243" s="4" t="s">
        <v>593</v>
      </c>
      <c r="F243" s="3">
        <v>57.491133205115304</v>
      </c>
      <c r="G243" s="3">
        <v>0</v>
      </c>
      <c r="H243" s="3" t="s">
        <v>525</v>
      </c>
    </row>
    <row r="244" spans="2:8" x14ac:dyDescent="0.25">
      <c r="B244" s="1" t="s">
        <v>543</v>
      </c>
      <c r="C244" s="1">
        <v>2023</v>
      </c>
      <c r="D244" s="1" t="s">
        <v>547</v>
      </c>
      <c r="E244" s="4" t="s">
        <v>593</v>
      </c>
      <c r="F244" s="3">
        <v>0</v>
      </c>
      <c r="G244" s="3">
        <v>0</v>
      </c>
      <c r="H244" s="3">
        <v>0</v>
      </c>
    </row>
    <row r="245" spans="2:8" x14ac:dyDescent="0.25">
      <c r="B245" s="1" t="s">
        <v>526</v>
      </c>
      <c r="C245" s="1">
        <v>2023</v>
      </c>
      <c r="D245" s="1" t="s">
        <v>489</v>
      </c>
      <c r="E245" s="4" t="s">
        <v>593</v>
      </c>
      <c r="F245" s="3">
        <v>0</v>
      </c>
      <c r="G245" s="3">
        <v>0</v>
      </c>
      <c r="H245" s="3" t="s">
        <v>525</v>
      </c>
    </row>
    <row r="246" spans="2:8" x14ac:dyDescent="0.25">
      <c r="B246" s="1" t="s">
        <v>526</v>
      </c>
      <c r="C246" s="1">
        <v>2023</v>
      </c>
      <c r="D246" s="1" t="s">
        <v>505</v>
      </c>
      <c r="E246" s="4" t="s">
        <v>593</v>
      </c>
      <c r="F246" s="3">
        <v>78.12882077124786</v>
      </c>
      <c r="G246" s="3">
        <v>409.05141765051229</v>
      </c>
      <c r="H246" s="3" t="s">
        <v>525</v>
      </c>
    </row>
    <row r="247" spans="2:8" x14ac:dyDescent="0.25">
      <c r="B247" s="1" t="s">
        <v>479</v>
      </c>
      <c r="C247" s="1">
        <v>2023</v>
      </c>
      <c r="D247" s="1" t="s">
        <v>471</v>
      </c>
      <c r="E247" s="4" t="s">
        <v>593</v>
      </c>
      <c r="F247" s="3">
        <v>48.824933926364857</v>
      </c>
      <c r="G247" s="3">
        <v>385.02000000000004</v>
      </c>
      <c r="H247" s="3">
        <v>0</v>
      </c>
    </row>
    <row r="248" spans="2:8" x14ac:dyDescent="0.25">
      <c r="B248" s="1" t="s">
        <v>526</v>
      </c>
      <c r="C248" s="1">
        <v>2023</v>
      </c>
      <c r="D248" s="1" t="s">
        <v>484</v>
      </c>
      <c r="E248" s="4" t="s">
        <v>593</v>
      </c>
      <c r="F248" s="3">
        <v>54.920282999472384</v>
      </c>
      <c r="G248" s="3">
        <v>0</v>
      </c>
      <c r="H248" s="3" t="s">
        <v>525</v>
      </c>
    </row>
    <row r="249" spans="2:8" x14ac:dyDescent="0.25">
      <c r="B249" s="1" t="s">
        <v>543</v>
      </c>
      <c r="C249" s="1">
        <v>2023</v>
      </c>
      <c r="D249" s="1" t="s">
        <v>556</v>
      </c>
      <c r="E249" s="4" t="s">
        <v>593</v>
      </c>
      <c r="F249" s="3">
        <v>0</v>
      </c>
      <c r="G249" s="3">
        <v>0</v>
      </c>
      <c r="H249" s="3">
        <v>0</v>
      </c>
    </row>
    <row r="250" spans="2:8" x14ac:dyDescent="0.25">
      <c r="B250" s="1" t="s">
        <v>526</v>
      </c>
      <c r="C250" s="1">
        <v>2023</v>
      </c>
      <c r="D250" s="1" t="s">
        <v>484</v>
      </c>
      <c r="E250" s="4" t="s">
        <v>593</v>
      </c>
      <c r="F250" s="3">
        <v>24.784386363634756</v>
      </c>
      <c r="G250" s="3">
        <v>0</v>
      </c>
      <c r="H250" s="3" t="s">
        <v>525</v>
      </c>
    </row>
    <row r="251" spans="2:8" x14ac:dyDescent="0.25">
      <c r="B251" s="1" t="s">
        <v>543</v>
      </c>
      <c r="C251" s="1">
        <v>2023</v>
      </c>
      <c r="D251" s="1" t="s">
        <v>544</v>
      </c>
      <c r="E251" s="4" t="s">
        <v>593</v>
      </c>
      <c r="F251" s="3">
        <v>0</v>
      </c>
      <c r="G251" s="3">
        <v>0</v>
      </c>
      <c r="H251" s="3">
        <v>0</v>
      </c>
    </row>
    <row r="252" spans="2:8" x14ac:dyDescent="0.25">
      <c r="B252" s="1" t="s">
        <v>543</v>
      </c>
      <c r="C252" s="1">
        <v>2023</v>
      </c>
      <c r="D252" s="1" t="s">
        <v>547</v>
      </c>
      <c r="E252" s="4" t="s">
        <v>593</v>
      </c>
      <c r="F252" s="3">
        <v>0</v>
      </c>
      <c r="G252" s="3">
        <v>0</v>
      </c>
      <c r="H252" s="3">
        <v>0</v>
      </c>
    </row>
    <row r="253" spans="2:8" x14ac:dyDescent="0.25">
      <c r="B253" s="1" t="s">
        <v>543</v>
      </c>
      <c r="C253" s="1">
        <v>2023</v>
      </c>
      <c r="D253" s="1" t="s">
        <v>547</v>
      </c>
      <c r="E253" s="4" t="s">
        <v>593</v>
      </c>
      <c r="F253" s="3">
        <v>0</v>
      </c>
      <c r="G253" s="3">
        <v>0</v>
      </c>
      <c r="H253" s="3">
        <v>0</v>
      </c>
    </row>
    <row r="254" spans="2:8" x14ac:dyDescent="0.25">
      <c r="B254" s="1" t="s">
        <v>479</v>
      </c>
      <c r="C254" s="1">
        <v>2023</v>
      </c>
      <c r="D254" s="1" t="s">
        <v>471</v>
      </c>
      <c r="E254" s="4" t="s">
        <v>593</v>
      </c>
      <c r="F254" s="3">
        <v>16.803159941426276</v>
      </c>
      <c r="G254" s="3">
        <v>177.40359375</v>
      </c>
      <c r="H254" s="3">
        <v>0</v>
      </c>
    </row>
    <row r="255" spans="2:8" x14ac:dyDescent="0.25">
      <c r="B255" s="1" t="s">
        <v>543</v>
      </c>
      <c r="C255" s="1">
        <v>2023</v>
      </c>
      <c r="D255" s="1" t="s">
        <v>557</v>
      </c>
      <c r="E255" s="4" t="s">
        <v>593</v>
      </c>
      <c r="F255" s="3">
        <v>0</v>
      </c>
      <c r="G255" s="3">
        <v>0</v>
      </c>
      <c r="H255" s="3">
        <v>0</v>
      </c>
    </row>
    <row r="256" spans="2:8" x14ac:dyDescent="0.25">
      <c r="B256" s="1" t="s">
        <v>526</v>
      </c>
      <c r="C256" s="1">
        <v>2023</v>
      </c>
      <c r="D256" s="1" t="s">
        <v>481</v>
      </c>
      <c r="E256" s="4" t="s">
        <v>593</v>
      </c>
      <c r="F256" s="3">
        <v>140.14475235580397</v>
      </c>
      <c r="G256" s="3">
        <v>0</v>
      </c>
      <c r="H256" s="3" t="s">
        <v>525</v>
      </c>
    </row>
    <row r="257" spans="2:8" x14ac:dyDescent="0.25">
      <c r="B257" s="1" t="s">
        <v>543</v>
      </c>
      <c r="C257" s="1">
        <v>2023</v>
      </c>
      <c r="D257" s="1" t="s">
        <v>547</v>
      </c>
      <c r="E257" s="4" t="s">
        <v>593</v>
      </c>
      <c r="F257" s="3">
        <v>0</v>
      </c>
      <c r="G257" s="3">
        <v>0</v>
      </c>
      <c r="H257" s="3">
        <v>0</v>
      </c>
    </row>
    <row r="258" spans="2:8" x14ac:dyDescent="0.25">
      <c r="B258" s="1" t="s">
        <v>543</v>
      </c>
      <c r="C258" s="1">
        <v>2023</v>
      </c>
      <c r="D258" s="1" t="s">
        <v>546</v>
      </c>
      <c r="E258" s="4" t="s">
        <v>593</v>
      </c>
      <c r="F258" s="3">
        <v>0</v>
      </c>
      <c r="G258" s="3">
        <v>0</v>
      </c>
      <c r="H258" s="3">
        <v>0</v>
      </c>
    </row>
    <row r="259" spans="2:8" x14ac:dyDescent="0.25">
      <c r="B259" s="1" t="s">
        <v>526</v>
      </c>
      <c r="C259" s="1">
        <v>2023</v>
      </c>
      <c r="D259" s="1" t="s">
        <v>481</v>
      </c>
      <c r="E259" s="4" t="s">
        <v>593</v>
      </c>
      <c r="F259" s="3">
        <v>36.036865334609338</v>
      </c>
      <c r="G259" s="3">
        <v>0</v>
      </c>
      <c r="H259" s="3" t="s">
        <v>525</v>
      </c>
    </row>
    <row r="260" spans="2:8" x14ac:dyDescent="0.25">
      <c r="B260" s="1" t="s">
        <v>526</v>
      </c>
      <c r="C260" s="1">
        <v>2023</v>
      </c>
      <c r="D260" s="1" t="s">
        <v>488</v>
      </c>
      <c r="E260" s="4" t="s">
        <v>593</v>
      </c>
      <c r="F260" s="3">
        <v>17.638268518802811</v>
      </c>
      <c r="G260" s="3">
        <v>0</v>
      </c>
      <c r="H260" s="3" t="s">
        <v>525</v>
      </c>
    </row>
    <row r="261" spans="2:8" x14ac:dyDescent="0.25">
      <c r="B261" s="1" t="s">
        <v>526</v>
      </c>
      <c r="C261" s="1">
        <v>2023</v>
      </c>
      <c r="D261" s="1" t="s">
        <v>491</v>
      </c>
      <c r="E261" s="4" t="s">
        <v>593</v>
      </c>
      <c r="F261" s="3">
        <v>355.47378263088331</v>
      </c>
      <c r="G261" s="3">
        <v>0</v>
      </c>
      <c r="H261" s="3" t="s">
        <v>525</v>
      </c>
    </row>
    <row r="262" spans="2:8" x14ac:dyDescent="0.25">
      <c r="B262" s="1" t="s">
        <v>526</v>
      </c>
      <c r="C262" s="1">
        <v>2023</v>
      </c>
      <c r="D262" s="1" t="s">
        <v>493</v>
      </c>
      <c r="E262" s="4" t="s">
        <v>593</v>
      </c>
      <c r="F262" s="3">
        <v>0</v>
      </c>
      <c r="G262" s="3">
        <v>0</v>
      </c>
      <c r="H262" s="3" t="s">
        <v>525</v>
      </c>
    </row>
    <row r="263" spans="2:8" x14ac:dyDescent="0.25">
      <c r="B263" s="1" t="s">
        <v>465</v>
      </c>
      <c r="C263" s="1">
        <v>2023</v>
      </c>
      <c r="D263" s="1" t="s">
        <v>462</v>
      </c>
      <c r="E263" s="4" t="s">
        <v>593</v>
      </c>
      <c r="F263" s="3">
        <v>0</v>
      </c>
      <c r="G263" s="3">
        <v>0</v>
      </c>
      <c r="H263" s="3">
        <v>0</v>
      </c>
    </row>
    <row r="264" spans="2:8" x14ac:dyDescent="0.25">
      <c r="B264" s="1" t="s">
        <v>526</v>
      </c>
      <c r="C264" s="1">
        <v>2023</v>
      </c>
      <c r="D264" s="1" t="s">
        <v>484</v>
      </c>
      <c r="E264" s="4" t="s">
        <v>593</v>
      </c>
      <c r="F264" s="3">
        <v>6.7864241492495498</v>
      </c>
      <c r="G264" s="3">
        <v>0</v>
      </c>
      <c r="H264" s="3" t="s">
        <v>525</v>
      </c>
    </row>
    <row r="265" spans="2:8" x14ac:dyDescent="0.25">
      <c r="B265" s="1" t="s">
        <v>543</v>
      </c>
      <c r="C265" s="1">
        <v>2023</v>
      </c>
      <c r="D265" s="1" t="s">
        <v>551</v>
      </c>
      <c r="E265" s="4" t="s">
        <v>593</v>
      </c>
      <c r="F265" s="3">
        <v>0</v>
      </c>
      <c r="G265" s="3">
        <v>0</v>
      </c>
      <c r="H265" s="3">
        <v>0</v>
      </c>
    </row>
    <row r="266" spans="2:8" x14ac:dyDescent="0.25">
      <c r="B266" s="1" t="s">
        <v>526</v>
      </c>
      <c r="C266" s="1">
        <v>2023</v>
      </c>
      <c r="D266" s="1" t="s">
        <v>489</v>
      </c>
      <c r="E266" s="4" t="s">
        <v>593</v>
      </c>
      <c r="F266" s="3">
        <v>0</v>
      </c>
      <c r="G266" s="3">
        <v>0</v>
      </c>
      <c r="H266" s="3" t="s">
        <v>525</v>
      </c>
    </row>
    <row r="267" spans="2:8" x14ac:dyDescent="0.25">
      <c r="B267" s="1" t="s">
        <v>543</v>
      </c>
      <c r="C267" s="1">
        <v>2023</v>
      </c>
      <c r="D267" s="1" t="s">
        <v>554</v>
      </c>
      <c r="E267" s="4" t="s">
        <v>593</v>
      </c>
      <c r="F267" s="3">
        <v>0</v>
      </c>
      <c r="G267" s="3">
        <v>0</v>
      </c>
      <c r="H267" s="3">
        <v>0</v>
      </c>
    </row>
    <row r="268" spans="2:8" x14ac:dyDescent="0.25">
      <c r="B268" s="1" t="s">
        <v>465</v>
      </c>
      <c r="C268" s="1">
        <v>2023</v>
      </c>
      <c r="D268" s="1" t="s">
        <v>463</v>
      </c>
      <c r="E268" s="4" t="s">
        <v>593</v>
      </c>
      <c r="F268" s="3">
        <v>0</v>
      </c>
      <c r="G268" s="3">
        <v>0</v>
      </c>
      <c r="H268" s="3">
        <v>0</v>
      </c>
    </row>
    <row r="269" spans="2:8" x14ac:dyDescent="0.25">
      <c r="B269" s="1" t="s">
        <v>526</v>
      </c>
      <c r="C269" s="1">
        <v>2023</v>
      </c>
      <c r="D269" s="1" t="s">
        <v>484</v>
      </c>
      <c r="E269" s="4" t="s">
        <v>593</v>
      </c>
      <c r="F269" s="3">
        <v>9.175787725836642</v>
      </c>
      <c r="G269" s="3">
        <v>0</v>
      </c>
      <c r="H269" s="3" t="s">
        <v>525</v>
      </c>
    </row>
    <row r="270" spans="2:8" x14ac:dyDescent="0.25">
      <c r="B270" s="1" t="s">
        <v>526</v>
      </c>
      <c r="C270" s="1">
        <v>2023</v>
      </c>
      <c r="D270" s="1" t="s">
        <v>487</v>
      </c>
      <c r="E270" s="4" t="s">
        <v>593</v>
      </c>
      <c r="F270" s="3">
        <v>25.876545746921114</v>
      </c>
      <c r="G270" s="3">
        <v>0</v>
      </c>
      <c r="H270" s="3" t="s">
        <v>525</v>
      </c>
    </row>
    <row r="271" spans="2:8" x14ac:dyDescent="0.25">
      <c r="B271" s="1" t="s">
        <v>465</v>
      </c>
      <c r="C271" s="1">
        <v>2023</v>
      </c>
      <c r="D271" s="1" t="s">
        <v>463</v>
      </c>
      <c r="E271" s="4" t="s">
        <v>593</v>
      </c>
      <c r="F271" s="3">
        <v>0</v>
      </c>
      <c r="G271" s="3">
        <v>0</v>
      </c>
      <c r="H271" s="3">
        <v>0</v>
      </c>
    </row>
    <row r="272" spans="2:8" x14ac:dyDescent="0.25">
      <c r="B272" s="1" t="s">
        <v>543</v>
      </c>
      <c r="C272" s="1">
        <v>2023</v>
      </c>
      <c r="D272" s="1" t="s">
        <v>557</v>
      </c>
      <c r="E272" s="4" t="s">
        <v>593</v>
      </c>
      <c r="F272" s="3">
        <v>0</v>
      </c>
      <c r="G272" s="3">
        <v>0</v>
      </c>
      <c r="H272" s="3">
        <v>0</v>
      </c>
    </row>
    <row r="273" spans="2:8" x14ac:dyDescent="0.25">
      <c r="B273" s="1" t="s">
        <v>526</v>
      </c>
      <c r="C273" s="1">
        <v>2023</v>
      </c>
      <c r="D273" s="1" t="s">
        <v>491</v>
      </c>
      <c r="E273" s="4" t="s">
        <v>593</v>
      </c>
      <c r="F273" s="3">
        <v>0</v>
      </c>
      <c r="G273" s="3">
        <v>0</v>
      </c>
      <c r="H273" s="3" t="s">
        <v>525</v>
      </c>
    </row>
    <row r="274" spans="2:8" x14ac:dyDescent="0.25">
      <c r="B274" s="1" t="s">
        <v>543</v>
      </c>
      <c r="C274" s="1">
        <v>2023</v>
      </c>
      <c r="D274" s="1" t="s">
        <v>550</v>
      </c>
      <c r="E274" s="4" t="s">
        <v>593</v>
      </c>
      <c r="F274" s="3">
        <v>0</v>
      </c>
      <c r="G274" s="3">
        <v>0</v>
      </c>
      <c r="H274" s="3">
        <v>0</v>
      </c>
    </row>
    <row r="275" spans="2:8" x14ac:dyDescent="0.25">
      <c r="B275" s="1" t="s">
        <v>526</v>
      </c>
      <c r="C275" s="1">
        <v>2023</v>
      </c>
      <c r="D275" s="1" t="s">
        <v>519</v>
      </c>
      <c r="E275" s="4" t="s">
        <v>593</v>
      </c>
      <c r="F275" s="3">
        <v>0</v>
      </c>
      <c r="G275" s="3">
        <v>0</v>
      </c>
      <c r="H275" s="3">
        <v>0</v>
      </c>
    </row>
    <row r="276" spans="2:8" x14ac:dyDescent="0.25">
      <c r="B276" s="1" t="s">
        <v>526</v>
      </c>
      <c r="C276" s="1">
        <v>2023</v>
      </c>
      <c r="D276" s="1" t="s">
        <v>490</v>
      </c>
      <c r="E276" s="4" t="s">
        <v>593</v>
      </c>
      <c r="F276" s="3">
        <v>0</v>
      </c>
      <c r="G276" s="3">
        <v>0</v>
      </c>
      <c r="H276" s="3" t="s">
        <v>525</v>
      </c>
    </row>
    <row r="277" spans="2:8" x14ac:dyDescent="0.25">
      <c r="B277" s="1" t="s">
        <v>543</v>
      </c>
      <c r="C277" s="1">
        <v>2023</v>
      </c>
      <c r="D277" s="1" t="s">
        <v>551</v>
      </c>
      <c r="E277" s="4" t="s">
        <v>593</v>
      </c>
      <c r="F277" s="3">
        <v>0</v>
      </c>
      <c r="G277" s="3">
        <v>0</v>
      </c>
      <c r="H277" s="3">
        <v>0</v>
      </c>
    </row>
    <row r="278" spans="2:8" x14ac:dyDescent="0.25">
      <c r="B278" s="1" t="s">
        <v>543</v>
      </c>
      <c r="C278" s="1">
        <v>2023</v>
      </c>
      <c r="D278" s="1" t="s">
        <v>549</v>
      </c>
      <c r="E278" s="4" t="s">
        <v>593</v>
      </c>
      <c r="F278" s="3">
        <v>0</v>
      </c>
      <c r="G278" s="3">
        <v>0</v>
      </c>
      <c r="H278" s="3">
        <v>0</v>
      </c>
    </row>
    <row r="279" spans="2:8" x14ac:dyDescent="0.25">
      <c r="B279" s="1" t="s">
        <v>526</v>
      </c>
      <c r="C279" s="1">
        <v>2023</v>
      </c>
      <c r="D279" s="1" t="s">
        <v>509</v>
      </c>
      <c r="E279" s="4" t="s">
        <v>593</v>
      </c>
      <c r="F279" s="3">
        <v>22.073292485057127</v>
      </c>
      <c r="G279" s="3">
        <v>0</v>
      </c>
      <c r="H279" s="3" t="s">
        <v>525</v>
      </c>
    </row>
    <row r="280" spans="2:8" x14ac:dyDescent="0.25">
      <c r="B280" s="1" t="s">
        <v>526</v>
      </c>
      <c r="C280" s="1">
        <v>2023</v>
      </c>
      <c r="D280" s="1" t="s">
        <v>493</v>
      </c>
      <c r="E280" s="4" t="s">
        <v>593</v>
      </c>
      <c r="F280" s="3">
        <v>0</v>
      </c>
      <c r="G280" s="3">
        <v>0</v>
      </c>
      <c r="H280" s="3" t="s">
        <v>525</v>
      </c>
    </row>
    <row r="281" spans="2:8" x14ac:dyDescent="0.25">
      <c r="B281" s="1" t="s">
        <v>465</v>
      </c>
      <c r="C281" s="1">
        <v>2023</v>
      </c>
      <c r="D281" s="1" t="s">
        <v>451</v>
      </c>
      <c r="E281" s="4" t="s">
        <v>593</v>
      </c>
      <c r="F281" s="3">
        <v>0</v>
      </c>
      <c r="G281" s="3">
        <v>0</v>
      </c>
      <c r="H281" s="3">
        <v>0</v>
      </c>
    </row>
    <row r="282" spans="2:8" x14ac:dyDescent="0.25">
      <c r="B282" s="1" t="s">
        <v>543</v>
      </c>
      <c r="C282" s="1">
        <v>2023</v>
      </c>
      <c r="D282" s="1" t="s">
        <v>551</v>
      </c>
      <c r="E282" s="4" t="s">
        <v>593</v>
      </c>
      <c r="F282" s="3">
        <v>0</v>
      </c>
      <c r="G282" s="3">
        <v>0</v>
      </c>
      <c r="H282" s="3">
        <v>0</v>
      </c>
    </row>
    <row r="283" spans="2:8" x14ac:dyDescent="0.25">
      <c r="B283" s="1" t="s">
        <v>526</v>
      </c>
      <c r="C283" s="1">
        <v>2023</v>
      </c>
      <c r="D283" s="1" t="s">
        <v>502</v>
      </c>
      <c r="E283" s="4" t="s">
        <v>593</v>
      </c>
      <c r="F283" s="3">
        <v>0</v>
      </c>
      <c r="G283" s="3">
        <v>0</v>
      </c>
      <c r="H283" s="3" t="s">
        <v>525</v>
      </c>
    </row>
    <row r="284" spans="2:8" x14ac:dyDescent="0.25">
      <c r="B284" s="1" t="s">
        <v>526</v>
      </c>
      <c r="C284" s="1">
        <v>2023</v>
      </c>
      <c r="D284" s="1" t="s">
        <v>490</v>
      </c>
      <c r="E284" s="4" t="s">
        <v>593</v>
      </c>
      <c r="F284" s="3">
        <v>0</v>
      </c>
      <c r="G284" s="3">
        <v>0</v>
      </c>
      <c r="H284" s="3" t="s">
        <v>525</v>
      </c>
    </row>
    <row r="285" spans="2:8" x14ac:dyDescent="0.25">
      <c r="B285" s="1" t="s">
        <v>526</v>
      </c>
      <c r="C285" s="1">
        <v>2023</v>
      </c>
      <c r="D285" s="1" t="s">
        <v>491</v>
      </c>
      <c r="E285" s="4" t="s">
        <v>593</v>
      </c>
      <c r="F285" s="3">
        <v>0</v>
      </c>
      <c r="G285" s="3">
        <v>0</v>
      </c>
      <c r="H285" s="3" t="s">
        <v>525</v>
      </c>
    </row>
    <row r="286" spans="2:8" x14ac:dyDescent="0.25">
      <c r="B286" s="1" t="s">
        <v>526</v>
      </c>
      <c r="C286" s="1">
        <v>2023</v>
      </c>
      <c r="D286" s="1" t="s">
        <v>504</v>
      </c>
      <c r="E286" s="4" t="s">
        <v>593</v>
      </c>
      <c r="F286" s="3">
        <v>0</v>
      </c>
      <c r="G286" s="3">
        <v>0</v>
      </c>
      <c r="H286" s="3" t="s">
        <v>525</v>
      </c>
    </row>
    <row r="287" spans="2:8" x14ac:dyDescent="0.25">
      <c r="B287" s="1" t="s">
        <v>526</v>
      </c>
      <c r="C287" s="1">
        <v>2023</v>
      </c>
      <c r="D287" s="1" t="s">
        <v>519</v>
      </c>
      <c r="E287" s="4" t="s">
        <v>593</v>
      </c>
      <c r="F287" s="3">
        <v>0</v>
      </c>
      <c r="G287" s="3">
        <v>0</v>
      </c>
      <c r="H287" s="3">
        <v>80.958316220472454</v>
      </c>
    </row>
    <row r="288" spans="2:8" x14ac:dyDescent="0.25">
      <c r="B288" s="1" t="s">
        <v>526</v>
      </c>
      <c r="C288" s="1">
        <v>2023</v>
      </c>
      <c r="D288" s="1" t="s">
        <v>489</v>
      </c>
      <c r="E288" s="4" t="s">
        <v>593</v>
      </c>
      <c r="F288" s="3">
        <v>9.3838504311230775</v>
      </c>
      <c r="G288" s="3">
        <v>49.130106969230766</v>
      </c>
      <c r="H288" s="3" t="s">
        <v>525</v>
      </c>
    </row>
    <row r="289" spans="2:8" x14ac:dyDescent="0.25">
      <c r="B289" s="1" t="s">
        <v>526</v>
      </c>
      <c r="C289" s="1">
        <v>2023</v>
      </c>
      <c r="D289" s="1" t="s">
        <v>484</v>
      </c>
      <c r="E289" s="4" t="s">
        <v>593</v>
      </c>
      <c r="F289" s="3">
        <v>0</v>
      </c>
      <c r="G289" s="3">
        <v>0</v>
      </c>
      <c r="H289" s="3" t="s">
        <v>525</v>
      </c>
    </row>
    <row r="290" spans="2:8" x14ac:dyDescent="0.25">
      <c r="B290" s="1" t="s">
        <v>526</v>
      </c>
      <c r="C290" s="1">
        <v>2023</v>
      </c>
      <c r="D290" s="1" t="s">
        <v>484</v>
      </c>
      <c r="E290" s="4" t="s">
        <v>593</v>
      </c>
      <c r="F290" s="3">
        <v>0</v>
      </c>
      <c r="G290" s="3">
        <v>0</v>
      </c>
      <c r="H290" s="3" t="s">
        <v>525</v>
      </c>
    </row>
    <row r="291" spans="2:8" x14ac:dyDescent="0.25">
      <c r="B291" s="1" t="s">
        <v>526</v>
      </c>
      <c r="C291" s="1">
        <v>2023</v>
      </c>
      <c r="D291" s="1" t="s">
        <v>509</v>
      </c>
      <c r="E291" s="4" t="s">
        <v>593</v>
      </c>
      <c r="F291" s="3">
        <v>7.7108467840809238</v>
      </c>
      <c r="G291" s="3">
        <v>0</v>
      </c>
      <c r="H291" s="3" t="s">
        <v>525</v>
      </c>
    </row>
    <row r="292" spans="2:8" x14ac:dyDescent="0.25">
      <c r="B292" s="1" t="s">
        <v>526</v>
      </c>
      <c r="C292" s="1">
        <v>2023</v>
      </c>
      <c r="D292" s="1" t="s">
        <v>491</v>
      </c>
      <c r="E292" s="4" t="s">
        <v>593</v>
      </c>
      <c r="F292" s="3">
        <v>0</v>
      </c>
      <c r="G292" s="3">
        <v>0</v>
      </c>
      <c r="H292" s="3" t="s">
        <v>525</v>
      </c>
    </row>
    <row r="293" spans="2:8" x14ac:dyDescent="0.25">
      <c r="B293" s="1" t="s">
        <v>465</v>
      </c>
      <c r="C293" s="1">
        <v>2023</v>
      </c>
      <c r="D293" s="1" t="s">
        <v>464</v>
      </c>
      <c r="E293" s="4" t="s">
        <v>593</v>
      </c>
      <c r="F293" s="3">
        <v>0</v>
      </c>
      <c r="G293" s="3">
        <v>0</v>
      </c>
      <c r="H293" s="3">
        <v>0</v>
      </c>
    </row>
    <row r="294" spans="2:8" x14ac:dyDescent="0.25">
      <c r="B294" s="1" t="s">
        <v>526</v>
      </c>
      <c r="C294" s="1">
        <v>2022</v>
      </c>
      <c r="D294" s="1" t="s">
        <v>484</v>
      </c>
      <c r="E294" s="4" t="s">
        <v>597</v>
      </c>
      <c r="F294" s="3">
        <v>26222.268554106442</v>
      </c>
      <c r="G294" s="3">
        <v>0</v>
      </c>
      <c r="H294" s="3">
        <v>294620.39710086421</v>
      </c>
    </row>
    <row r="295" spans="2:8" x14ac:dyDescent="0.25">
      <c r="B295" s="1" t="s">
        <v>543</v>
      </c>
      <c r="C295" s="1">
        <v>2022</v>
      </c>
      <c r="D295" s="1" t="s">
        <v>532</v>
      </c>
      <c r="E295" s="4" t="s">
        <v>596</v>
      </c>
      <c r="F295" s="3">
        <v>0</v>
      </c>
      <c r="G295" s="3" t="s">
        <v>525</v>
      </c>
      <c r="H295" s="3">
        <v>0</v>
      </c>
    </row>
    <row r="296" spans="2:8" x14ac:dyDescent="0.25">
      <c r="B296" s="1" t="s">
        <v>543</v>
      </c>
      <c r="C296" s="1">
        <v>2022</v>
      </c>
      <c r="D296" s="1" t="s">
        <v>549</v>
      </c>
      <c r="E296" s="4" t="s">
        <v>596</v>
      </c>
      <c r="F296" s="3">
        <v>0</v>
      </c>
      <c r="G296" s="3">
        <v>0</v>
      </c>
      <c r="H296" s="3">
        <v>0</v>
      </c>
    </row>
    <row r="297" spans="2:8" x14ac:dyDescent="0.25">
      <c r="B297" s="1" t="s">
        <v>526</v>
      </c>
      <c r="C297" s="1">
        <v>2022</v>
      </c>
      <c r="D297" s="1" t="s">
        <v>522</v>
      </c>
      <c r="E297" s="4" t="s">
        <v>596</v>
      </c>
      <c r="F297" s="3">
        <v>12964.82768551703</v>
      </c>
      <c r="G297" s="3">
        <v>0</v>
      </c>
      <c r="H297" s="3">
        <v>145666.37029019123</v>
      </c>
    </row>
    <row r="298" spans="2:8" x14ac:dyDescent="0.25">
      <c r="B298" s="1" t="s">
        <v>526</v>
      </c>
      <c r="C298" s="1">
        <v>2022</v>
      </c>
      <c r="D298" s="1" t="s">
        <v>504</v>
      </c>
      <c r="E298" s="4" t="s">
        <v>596</v>
      </c>
      <c r="F298" s="3">
        <v>5250.7852582362293</v>
      </c>
      <c r="G298" s="3">
        <v>0</v>
      </c>
      <c r="H298" s="3">
        <v>58995.217545</v>
      </c>
    </row>
    <row r="299" spans="2:8" x14ac:dyDescent="0.25">
      <c r="B299" s="1" t="s">
        <v>526</v>
      </c>
      <c r="C299" s="1">
        <v>2022</v>
      </c>
      <c r="D299" s="1" t="s">
        <v>495</v>
      </c>
      <c r="E299" s="4" t="s">
        <v>596</v>
      </c>
      <c r="F299" s="3">
        <v>2198.9004015608966</v>
      </c>
      <c r="G299" s="3">
        <v>0</v>
      </c>
      <c r="H299" s="3" t="s">
        <v>525</v>
      </c>
    </row>
    <row r="300" spans="2:8" x14ac:dyDescent="0.25">
      <c r="B300" s="1" t="s">
        <v>543</v>
      </c>
      <c r="C300" s="1">
        <v>2022</v>
      </c>
      <c r="D300" s="1" t="s">
        <v>532</v>
      </c>
      <c r="E300" s="4" t="s">
        <v>596</v>
      </c>
      <c r="F300" s="3">
        <v>0</v>
      </c>
      <c r="G300" s="3" t="s">
        <v>525</v>
      </c>
      <c r="H300" s="3">
        <v>0</v>
      </c>
    </row>
    <row r="301" spans="2:8" x14ac:dyDescent="0.25">
      <c r="B301" s="1" t="s">
        <v>526</v>
      </c>
      <c r="C301" s="1">
        <v>2022</v>
      </c>
      <c r="D301" s="1" t="s">
        <v>492</v>
      </c>
      <c r="E301" s="4" t="s">
        <v>596</v>
      </c>
      <c r="F301" s="3">
        <v>0</v>
      </c>
      <c r="G301" s="3">
        <v>0</v>
      </c>
      <c r="H301" s="3" t="s">
        <v>525</v>
      </c>
    </row>
    <row r="302" spans="2:8" x14ac:dyDescent="0.25">
      <c r="B302" s="1" t="s">
        <v>526</v>
      </c>
      <c r="C302" s="1">
        <v>2022</v>
      </c>
      <c r="D302" s="1" t="s">
        <v>488</v>
      </c>
      <c r="E302" s="4" t="s">
        <v>596</v>
      </c>
      <c r="F302" s="3">
        <v>1246.1235595224944</v>
      </c>
      <c r="G302" s="3">
        <v>324.37070938215101</v>
      </c>
      <c r="H302" s="3" t="s">
        <v>525</v>
      </c>
    </row>
    <row r="303" spans="2:8" x14ac:dyDescent="0.25">
      <c r="B303" s="1" t="s">
        <v>543</v>
      </c>
      <c r="C303" s="1">
        <v>2022</v>
      </c>
      <c r="D303" s="1" t="s">
        <v>532</v>
      </c>
      <c r="E303" s="4" t="s">
        <v>596</v>
      </c>
      <c r="F303" s="3">
        <v>0</v>
      </c>
      <c r="G303" s="3" t="s">
        <v>525</v>
      </c>
      <c r="H303" s="3">
        <v>0</v>
      </c>
    </row>
    <row r="304" spans="2:8" x14ac:dyDescent="0.25">
      <c r="B304" s="1" t="s">
        <v>526</v>
      </c>
      <c r="C304" s="1">
        <v>2022</v>
      </c>
      <c r="D304" s="1" t="s">
        <v>488</v>
      </c>
      <c r="E304" s="4" t="s">
        <v>595</v>
      </c>
      <c r="F304" s="3">
        <v>962.04341807154628</v>
      </c>
      <c r="G304" s="3">
        <v>0</v>
      </c>
      <c r="H304" s="3" t="s">
        <v>525</v>
      </c>
    </row>
    <row r="305" spans="2:8" x14ac:dyDescent="0.25">
      <c r="B305" s="1" t="s">
        <v>543</v>
      </c>
      <c r="C305" s="1">
        <v>2022</v>
      </c>
      <c r="D305" s="1" t="s">
        <v>534</v>
      </c>
      <c r="E305" s="4" t="s">
        <v>595</v>
      </c>
      <c r="F305" s="3">
        <v>133.03571428571428</v>
      </c>
      <c r="G305" s="3" t="s">
        <v>525</v>
      </c>
      <c r="H305" s="3">
        <v>997.76785714285711</v>
      </c>
    </row>
    <row r="306" spans="2:8" x14ac:dyDescent="0.25">
      <c r="B306" s="1" t="s">
        <v>526</v>
      </c>
      <c r="C306" s="1">
        <v>2022</v>
      </c>
      <c r="D306" s="1" t="s">
        <v>506</v>
      </c>
      <c r="E306" s="4" t="s">
        <v>595</v>
      </c>
      <c r="F306" s="3">
        <v>3293.1322679935802</v>
      </c>
      <c r="G306" s="3">
        <v>0</v>
      </c>
      <c r="H306" s="3">
        <v>37000</v>
      </c>
    </row>
    <row r="307" spans="2:8" x14ac:dyDescent="0.25">
      <c r="B307" s="1" t="s">
        <v>543</v>
      </c>
      <c r="C307" s="1">
        <v>2022</v>
      </c>
      <c r="D307" s="1" t="s">
        <v>541</v>
      </c>
      <c r="E307" s="4" t="s">
        <v>595</v>
      </c>
      <c r="F307" s="3">
        <v>0</v>
      </c>
      <c r="G307" s="3" t="s">
        <v>525</v>
      </c>
      <c r="H307" s="3">
        <v>0</v>
      </c>
    </row>
    <row r="308" spans="2:8" x14ac:dyDescent="0.25">
      <c r="B308" s="1" t="s">
        <v>526</v>
      </c>
      <c r="C308" s="1">
        <v>2022</v>
      </c>
      <c r="D308" s="1" t="s">
        <v>484</v>
      </c>
      <c r="E308" s="4" t="s">
        <v>595</v>
      </c>
      <c r="F308" s="3">
        <v>0</v>
      </c>
      <c r="G308" s="3">
        <v>0</v>
      </c>
      <c r="H308" s="3" t="s">
        <v>525</v>
      </c>
    </row>
    <row r="309" spans="2:8" x14ac:dyDescent="0.25">
      <c r="B309" s="1" t="s">
        <v>543</v>
      </c>
      <c r="C309" s="1">
        <v>2022</v>
      </c>
      <c r="D309" s="1" t="s">
        <v>537</v>
      </c>
      <c r="E309" s="4" t="s">
        <v>595</v>
      </c>
      <c r="F309" s="3">
        <v>0</v>
      </c>
      <c r="G309" s="3" t="s">
        <v>525</v>
      </c>
      <c r="H309" s="3">
        <v>0</v>
      </c>
    </row>
    <row r="310" spans="2:8" x14ac:dyDescent="0.25">
      <c r="B310" s="1" t="s">
        <v>526</v>
      </c>
      <c r="C310" s="1">
        <v>2022</v>
      </c>
      <c r="D310" s="1" t="s">
        <v>484</v>
      </c>
      <c r="E310" s="4" t="s">
        <v>595</v>
      </c>
      <c r="F310" s="3">
        <v>1478.9137030077795</v>
      </c>
      <c r="G310" s="3">
        <v>0</v>
      </c>
      <c r="H310" s="3" t="s">
        <v>525</v>
      </c>
    </row>
    <row r="311" spans="2:8" x14ac:dyDescent="0.25">
      <c r="B311" s="1" t="s">
        <v>543</v>
      </c>
      <c r="C311" s="1">
        <v>2022</v>
      </c>
      <c r="D311" s="1" t="s">
        <v>549</v>
      </c>
      <c r="E311" s="4" t="s">
        <v>595</v>
      </c>
      <c r="F311" s="3">
        <v>0</v>
      </c>
      <c r="G311" s="3">
        <v>0</v>
      </c>
      <c r="H311" s="3">
        <v>0</v>
      </c>
    </row>
    <row r="312" spans="2:8" x14ac:dyDescent="0.25">
      <c r="B312" s="1" t="s">
        <v>543</v>
      </c>
      <c r="C312" s="1">
        <v>2022</v>
      </c>
      <c r="D312" s="1" t="s">
        <v>549</v>
      </c>
      <c r="E312" s="4" t="s">
        <v>595</v>
      </c>
      <c r="F312" s="3">
        <v>0</v>
      </c>
      <c r="G312" s="3">
        <v>0</v>
      </c>
      <c r="H312" s="3">
        <v>0</v>
      </c>
    </row>
    <row r="313" spans="2:8" x14ac:dyDescent="0.25">
      <c r="B313" s="1" t="s">
        <v>543</v>
      </c>
      <c r="C313" s="1">
        <v>2022</v>
      </c>
      <c r="D313" s="1" t="s">
        <v>532</v>
      </c>
      <c r="E313" s="4" t="s">
        <v>593</v>
      </c>
      <c r="F313" s="3">
        <v>0</v>
      </c>
      <c r="G313" s="3" t="s">
        <v>525</v>
      </c>
      <c r="H313" s="3">
        <v>0</v>
      </c>
    </row>
    <row r="314" spans="2:8" x14ac:dyDescent="0.25">
      <c r="B314" s="1" t="s">
        <v>526</v>
      </c>
      <c r="C314" s="1">
        <v>2022</v>
      </c>
      <c r="D314" s="1" t="s">
        <v>514</v>
      </c>
      <c r="E314" s="4" t="s">
        <v>593</v>
      </c>
      <c r="F314" s="3">
        <v>465.35613816887957</v>
      </c>
      <c r="G314" s="3">
        <v>0</v>
      </c>
      <c r="H314" s="3" t="s">
        <v>525</v>
      </c>
    </row>
    <row r="315" spans="2:8" x14ac:dyDescent="0.25">
      <c r="B315" s="1" t="s">
        <v>526</v>
      </c>
      <c r="C315" s="1">
        <v>2022</v>
      </c>
      <c r="D315" s="1" t="s">
        <v>484</v>
      </c>
      <c r="E315" s="4" t="s">
        <v>593</v>
      </c>
      <c r="F315" s="3">
        <v>0</v>
      </c>
      <c r="G315" s="3">
        <v>0</v>
      </c>
      <c r="H315" s="3" t="s">
        <v>525</v>
      </c>
    </row>
    <row r="316" spans="2:8" x14ac:dyDescent="0.25">
      <c r="B316" s="1" t="s">
        <v>543</v>
      </c>
      <c r="C316" s="1">
        <v>2022</v>
      </c>
      <c r="D316" s="1" t="s">
        <v>544</v>
      </c>
      <c r="E316" s="4" t="s">
        <v>593</v>
      </c>
      <c r="F316" s="3">
        <v>0</v>
      </c>
      <c r="G316" s="3">
        <v>0</v>
      </c>
      <c r="H316" s="3">
        <v>0</v>
      </c>
    </row>
    <row r="317" spans="2:8" x14ac:dyDescent="0.25">
      <c r="B317" s="1" t="s">
        <v>465</v>
      </c>
      <c r="C317" s="1">
        <v>2022</v>
      </c>
      <c r="D317" s="1" t="s">
        <v>461</v>
      </c>
      <c r="E317" s="4" t="s">
        <v>593</v>
      </c>
      <c r="F317" s="3">
        <v>0</v>
      </c>
      <c r="G317" s="3">
        <v>0</v>
      </c>
      <c r="H317" s="3">
        <v>0</v>
      </c>
    </row>
    <row r="318" spans="2:8" x14ac:dyDescent="0.25">
      <c r="B318" s="1" t="s">
        <v>526</v>
      </c>
      <c r="C318" s="1">
        <v>2022</v>
      </c>
      <c r="D318" s="1" t="s">
        <v>489</v>
      </c>
      <c r="E318" s="4" t="s">
        <v>593</v>
      </c>
      <c r="F318" s="3">
        <v>0</v>
      </c>
      <c r="G318" s="3">
        <v>0</v>
      </c>
      <c r="H318" s="3" t="s">
        <v>525</v>
      </c>
    </row>
    <row r="319" spans="2:8" x14ac:dyDescent="0.25">
      <c r="B319" s="1" t="s">
        <v>543</v>
      </c>
      <c r="C319" s="1">
        <v>2022</v>
      </c>
      <c r="D319" s="1" t="s">
        <v>532</v>
      </c>
      <c r="E319" s="4" t="s">
        <v>593</v>
      </c>
      <c r="F319" s="3">
        <v>0</v>
      </c>
      <c r="G319" s="3" t="s">
        <v>525</v>
      </c>
      <c r="H319" s="3">
        <v>0</v>
      </c>
    </row>
    <row r="320" spans="2:8" x14ac:dyDescent="0.25">
      <c r="B320" s="1" t="s">
        <v>543</v>
      </c>
      <c r="C320" s="1">
        <v>2022</v>
      </c>
      <c r="D320" s="1" t="s">
        <v>532</v>
      </c>
      <c r="E320" s="4" t="s">
        <v>593</v>
      </c>
      <c r="F320" s="3">
        <v>0</v>
      </c>
      <c r="G320" s="3" t="s">
        <v>525</v>
      </c>
      <c r="H320" s="3">
        <v>0</v>
      </c>
    </row>
    <row r="321" spans="2:8" x14ac:dyDescent="0.25">
      <c r="B321" s="1" t="s">
        <v>543</v>
      </c>
      <c r="C321" s="1">
        <v>2022</v>
      </c>
      <c r="D321" s="1" t="s">
        <v>549</v>
      </c>
      <c r="E321" s="4" t="s">
        <v>593</v>
      </c>
      <c r="F321" s="3">
        <v>0</v>
      </c>
      <c r="G321" s="3">
        <v>0</v>
      </c>
      <c r="H321" s="3">
        <v>0</v>
      </c>
    </row>
    <row r="322" spans="2:8" x14ac:dyDescent="0.25">
      <c r="B322" s="1" t="s">
        <v>465</v>
      </c>
      <c r="C322" s="1">
        <v>2022</v>
      </c>
      <c r="D322" s="1" t="s">
        <v>463</v>
      </c>
      <c r="E322" s="4" t="s">
        <v>593</v>
      </c>
      <c r="F322" s="3">
        <v>0</v>
      </c>
      <c r="G322" s="3">
        <v>0</v>
      </c>
      <c r="H322" s="3">
        <v>0</v>
      </c>
    </row>
    <row r="323" spans="2:8" x14ac:dyDescent="0.25">
      <c r="B323" s="1" t="s">
        <v>543</v>
      </c>
      <c r="C323" s="1">
        <v>2022</v>
      </c>
      <c r="D323" s="1" t="s">
        <v>554</v>
      </c>
      <c r="E323" s="4" t="s">
        <v>593</v>
      </c>
      <c r="F323" s="3">
        <v>0</v>
      </c>
      <c r="G323" s="3">
        <v>0</v>
      </c>
      <c r="H323" s="3">
        <v>0</v>
      </c>
    </row>
    <row r="324" spans="2:8" x14ac:dyDescent="0.25">
      <c r="B324" s="1" t="s">
        <v>543</v>
      </c>
      <c r="C324" s="1">
        <v>2022</v>
      </c>
      <c r="D324" s="1" t="s">
        <v>542</v>
      </c>
      <c r="E324" s="4" t="s">
        <v>593</v>
      </c>
      <c r="F324" s="3">
        <v>0</v>
      </c>
      <c r="G324" s="3" t="s">
        <v>525</v>
      </c>
      <c r="H324" s="3">
        <v>0</v>
      </c>
    </row>
    <row r="325" spans="2:8" x14ac:dyDescent="0.25">
      <c r="B325" s="1" t="s">
        <v>526</v>
      </c>
      <c r="C325" s="1">
        <v>2022</v>
      </c>
      <c r="D325" s="1" t="s">
        <v>488</v>
      </c>
      <c r="E325" s="4" t="s">
        <v>593</v>
      </c>
      <c r="F325" s="3">
        <v>143.68796254004477</v>
      </c>
      <c r="G325" s="3">
        <v>0</v>
      </c>
      <c r="H325" s="3" t="s">
        <v>525</v>
      </c>
    </row>
    <row r="326" spans="2:8" x14ac:dyDescent="0.25">
      <c r="B326" s="1" t="s">
        <v>543</v>
      </c>
      <c r="C326" s="1">
        <v>2022</v>
      </c>
      <c r="D326" s="1" t="s">
        <v>540</v>
      </c>
      <c r="E326" s="4" t="s">
        <v>593</v>
      </c>
      <c r="F326" s="3">
        <v>0</v>
      </c>
      <c r="G326" s="3" t="s">
        <v>525</v>
      </c>
      <c r="H326" s="3">
        <v>0</v>
      </c>
    </row>
    <row r="327" spans="2:8" x14ac:dyDescent="0.25">
      <c r="B327" s="1" t="s">
        <v>530</v>
      </c>
      <c r="C327" s="1">
        <v>2022</v>
      </c>
      <c r="D327" s="1" t="s">
        <v>528</v>
      </c>
      <c r="E327" s="4" t="s">
        <v>593</v>
      </c>
      <c r="F327" s="3" t="s">
        <v>525</v>
      </c>
      <c r="G327" s="3" t="s">
        <v>525</v>
      </c>
      <c r="H327" s="3" t="s">
        <v>525</v>
      </c>
    </row>
    <row r="328" spans="2:8" x14ac:dyDescent="0.25">
      <c r="B328" s="1" t="s">
        <v>526</v>
      </c>
      <c r="C328" s="1">
        <v>2022</v>
      </c>
      <c r="D328" s="1" t="s">
        <v>484</v>
      </c>
      <c r="E328" s="4" t="s">
        <v>593</v>
      </c>
      <c r="F328" s="3">
        <v>160.8190904491976</v>
      </c>
      <c r="G328" s="3">
        <v>0</v>
      </c>
      <c r="H328" s="3" t="s">
        <v>525</v>
      </c>
    </row>
    <row r="329" spans="2:8" x14ac:dyDescent="0.25">
      <c r="B329" s="1" t="s">
        <v>526</v>
      </c>
      <c r="C329" s="1">
        <v>2022</v>
      </c>
      <c r="D329" s="1" t="s">
        <v>523</v>
      </c>
      <c r="E329" s="4" t="s">
        <v>593</v>
      </c>
      <c r="F329" s="3">
        <v>704.5571263139534</v>
      </c>
      <c r="G329" s="3">
        <v>0</v>
      </c>
      <c r="H329" s="3" t="s">
        <v>525</v>
      </c>
    </row>
    <row r="330" spans="2:8" x14ac:dyDescent="0.25">
      <c r="B330" s="1" t="s">
        <v>465</v>
      </c>
      <c r="C330" s="1">
        <v>2022</v>
      </c>
      <c r="D330" s="1" t="s">
        <v>451</v>
      </c>
      <c r="E330" s="4" t="s">
        <v>593</v>
      </c>
      <c r="F330" s="3">
        <v>0</v>
      </c>
      <c r="G330" s="3">
        <v>0</v>
      </c>
      <c r="H330" s="3">
        <v>0</v>
      </c>
    </row>
    <row r="331" spans="2:8" x14ac:dyDescent="0.25">
      <c r="B331" s="1" t="s">
        <v>543</v>
      </c>
      <c r="C331" s="1">
        <v>2022</v>
      </c>
      <c r="D331" s="1" t="s">
        <v>537</v>
      </c>
      <c r="E331" s="4" t="s">
        <v>593</v>
      </c>
      <c r="F331" s="3">
        <v>0</v>
      </c>
      <c r="G331" s="3" t="s">
        <v>525</v>
      </c>
      <c r="H331" s="3">
        <v>0</v>
      </c>
    </row>
    <row r="332" spans="2:8" x14ac:dyDescent="0.25">
      <c r="B332" s="1" t="s">
        <v>543</v>
      </c>
      <c r="C332" s="1">
        <v>2022</v>
      </c>
      <c r="D332" s="1" t="s">
        <v>541</v>
      </c>
      <c r="E332" s="4" t="s">
        <v>593</v>
      </c>
      <c r="F332" s="3">
        <v>0</v>
      </c>
      <c r="G332" s="3" t="s">
        <v>525</v>
      </c>
      <c r="H332" s="3">
        <v>0</v>
      </c>
    </row>
    <row r="333" spans="2:8" x14ac:dyDescent="0.25">
      <c r="B333" s="1" t="s">
        <v>543</v>
      </c>
      <c r="C333" s="1">
        <v>2022</v>
      </c>
      <c r="D333" s="1" t="s">
        <v>532</v>
      </c>
      <c r="E333" s="4" t="s">
        <v>593</v>
      </c>
      <c r="F333" s="3">
        <v>0</v>
      </c>
      <c r="G333" s="3" t="s">
        <v>525</v>
      </c>
      <c r="H333" s="3">
        <v>0</v>
      </c>
    </row>
    <row r="334" spans="2:8" x14ac:dyDescent="0.25">
      <c r="B334" s="1" t="s">
        <v>526</v>
      </c>
      <c r="C334" s="1">
        <v>2022</v>
      </c>
      <c r="D334" s="1" t="s">
        <v>513</v>
      </c>
      <c r="E334" s="4" t="s">
        <v>593</v>
      </c>
      <c r="F334" s="3">
        <v>1275.8778864166713</v>
      </c>
      <c r="G334" s="3">
        <v>0</v>
      </c>
      <c r="H334" s="3" t="s">
        <v>525</v>
      </c>
    </row>
    <row r="335" spans="2:8" x14ac:dyDescent="0.25">
      <c r="B335" s="1" t="s">
        <v>465</v>
      </c>
      <c r="C335" s="1">
        <v>2022</v>
      </c>
      <c r="D335" s="1" t="s">
        <v>462</v>
      </c>
      <c r="E335" s="4" t="s">
        <v>593</v>
      </c>
      <c r="F335" s="3">
        <v>0</v>
      </c>
      <c r="G335" s="3">
        <v>0</v>
      </c>
      <c r="H335" s="3">
        <v>0</v>
      </c>
    </row>
    <row r="336" spans="2:8" x14ac:dyDescent="0.25">
      <c r="B336" s="1" t="s">
        <v>526</v>
      </c>
      <c r="C336" s="1">
        <v>2022</v>
      </c>
      <c r="D336" s="1" t="s">
        <v>484</v>
      </c>
      <c r="E336" s="4" t="s">
        <v>593</v>
      </c>
      <c r="F336" s="3">
        <v>0.10453076660360236</v>
      </c>
      <c r="G336" s="3">
        <v>0</v>
      </c>
      <c r="H336" s="3" t="s">
        <v>525</v>
      </c>
    </row>
    <row r="337" spans="2:8" x14ac:dyDescent="0.25">
      <c r="B337" s="1" t="s">
        <v>479</v>
      </c>
      <c r="C337" s="1">
        <v>2022</v>
      </c>
      <c r="D337" s="1" t="s">
        <v>471</v>
      </c>
      <c r="E337" s="4" t="s">
        <v>593</v>
      </c>
      <c r="F337" s="3">
        <v>176.47945686580405</v>
      </c>
      <c r="G337" s="3">
        <v>1674.1362387624999</v>
      </c>
      <c r="H337" s="3">
        <v>0</v>
      </c>
    </row>
    <row r="338" spans="2:8" x14ac:dyDescent="0.25">
      <c r="B338" s="1" t="s">
        <v>526</v>
      </c>
      <c r="C338" s="1">
        <v>2022</v>
      </c>
      <c r="D338" s="1" t="s">
        <v>488</v>
      </c>
      <c r="E338" s="4" t="s">
        <v>593</v>
      </c>
      <c r="F338" s="3">
        <v>175.5276575875647</v>
      </c>
      <c r="G338" s="3">
        <v>0</v>
      </c>
      <c r="H338" s="3" t="s">
        <v>525</v>
      </c>
    </row>
    <row r="339" spans="2:8" x14ac:dyDescent="0.25">
      <c r="B339" s="1" t="s">
        <v>526</v>
      </c>
      <c r="C339" s="1">
        <v>2022</v>
      </c>
      <c r="D339" s="1" t="s">
        <v>484</v>
      </c>
      <c r="E339" s="4" t="s">
        <v>593</v>
      </c>
      <c r="F339" s="3">
        <v>180.51505725920828</v>
      </c>
      <c r="G339" s="3">
        <v>0</v>
      </c>
      <c r="H339" s="3" t="s">
        <v>525</v>
      </c>
    </row>
    <row r="340" spans="2:8" x14ac:dyDescent="0.25">
      <c r="B340" s="1" t="s">
        <v>526</v>
      </c>
      <c r="C340" s="1">
        <v>2022</v>
      </c>
      <c r="D340" s="1" t="s">
        <v>484</v>
      </c>
      <c r="E340" s="4" t="s">
        <v>593</v>
      </c>
      <c r="F340" s="3">
        <v>0</v>
      </c>
      <c r="G340" s="3">
        <v>0</v>
      </c>
      <c r="H340" s="3" t="s">
        <v>525</v>
      </c>
    </row>
    <row r="341" spans="2:8" x14ac:dyDescent="0.25">
      <c r="B341" s="1" t="s">
        <v>526</v>
      </c>
      <c r="C341" s="1">
        <v>2022</v>
      </c>
      <c r="D341" s="1" t="s">
        <v>509</v>
      </c>
      <c r="E341" s="4" t="s">
        <v>593</v>
      </c>
      <c r="F341" s="3">
        <v>423.59444858655712</v>
      </c>
      <c r="G341" s="3">
        <v>0</v>
      </c>
      <c r="H341" s="3" t="s">
        <v>525</v>
      </c>
    </row>
    <row r="342" spans="2:8" x14ac:dyDescent="0.25">
      <c r="B342" s="1" t="s">
        <v>543</v>
      </c>
      <c r="C342" s="1">
        <v>2022</v>
      </c>
      <c r="D342" s="1" t="s">
        <v>537</v>
      </c>
      <c r="E342" s="4" t="s">
        <v>593</v>
      </c>
      <c r="F342" s="3">
        <v>0</v>
      </c>
      <c r="G342" s="3" t="s">
        <v>525</v>
      </c>
      <c r="H342" s="3">
        <v>0</v>
      </c>
    </row>
    <row r="343" spans="2:8" x14ac:dyDescent="0.25">
      <c r="B343" s="1" t="s">
        <v>526</v>
      </c>
      <c r="C343" s="1">
        <v>2022</v>
      </c>
      <c r="D343" s="1" t="s">
        <v>509</v>
      </c>
      <c r="E343" s="4" t="s">
        <v>593</v>
      </c>
      <c r="F343" s="3">
        <v>305.83041009704664</v>
      </c>
      <c r="G343" s="3">
        <v>0</v>
      </c>
      <c r="H343" s="3" t="s">
        <v>525</v>
      </c>
    </row>
    <row r="344" spans="2:8" x14ac:dyDescent="0.25">
      <c r="B344" s="1" t="s">
        <v>543</v>
      </c>
      <c r="C344" s="1">
        <v>2022</v>
      </c>
      <c r="D344" s="1" t="s">
        <v>549</v>
      </c>
      <c r="E344" s="4" t="s">
        <v>593</v>
      </c>
      <c r="F344" s="3">
        <v>0</v>
      </c>
      <c r="G344" s="3">
        <v>0</v>
      </c>
      <c r="H344" s="3">
        <v>0</v>
      </c>
    </row>
    <row r="345" spans="2:8" x14ac:dyDescent="0.25">
      <c r="B345" s="1" t="s">
        <v>526</v>
      </c>
      <c r="C345" s="1">
        <v>2022</v>
      </c>
      <c r="D345" s="1" t="s">
        <v>488</v>
      </c>
      <c r="E345" s="4" t="s">
        <v>593</v>
      </c>
      <c r="F345" s="3">
        <v>100.2089822263343</v>
      </c>
      <c r="G345" s="3">
        <v>0</v>
      </c>
      <c r="H345" s="3" t="s">
        <v>525</v>
      </c>
    </row>
    <row r="346" spans="2:8" x14ac:dyDescent="0.25">
      <c r="B346" s="1" t="s">
        <v>543</v>
      </c>
      <c r="C346" s="1">
        <v>2022</v>
      </c>
      <c r="D346" s="1" t="s">
        <v>532</v>
      </c>
      <c r="E346" s="4" t="s">
        <v>593</v>
      </c>
      <c r="F346" s="3">
        <v>0</v>
      </c>
      <c r="G346" s="3" t="s">
        <v>525</v>
      </c>
      <c r="H346" s="3">
        <v>0</v>
      </c>
    </row>
    <row r="347" spans="2:8" x14ac:dyDescent="0.25">
      <c r="B347" s="1" t="s">
        <v>526</v>
      </c>
      <c r="C347" s="1">
        <v>2022</v>
      </c>
      <c r="D347" s="1" t="s">
        <v>489</v>
      </c>
      <c r="E347" s="4" t="s">
        <v>593</v>
      </c>
      <c r="F347" s="3">
        <v>0</v>
      </c>
      <c r="G347" s="3">
        <v>0</v>
      </c>
      <c r="H347" s="3" t="s">
        <v>525</v>
      </c>
    </row>
    <row r="348" spans="2:8" x14ac:dyDescent="0.25">
      <c r="B348" s="1" t="s">
        <v>543</v>
      </c>
      <c r="C348" s="1">
        <v>2022</v>
      </c>
      <c r="D348" s="1" t="s">
        <v>549</v>
      </c>
      <c r="E348" s="4" t="s">
        <v>593</v>
      </c>
      <c r="F348" s="3">
        <v>0</v>
      </c>
      <c r="G348" s="3">
        <v>0</v>
      </c>
      <c r="H348" s="3">
        <v>0</v>
      </c>
    </row>
    <row r="349" spans="2:8" x14ac:dyDescent="0.25">
      <c r="B349" s="1" t="s">
        <v>543</v>
      </c>
      <c r="C349" s="1">
        <v>2022</v>
      </c>
      <c r="D349" s="1" t="s">
        <v>537</v>
      </c>
      <c r="E349" s="4" t="s">
        <v>593</v>
      </c>
      <c r="F349" s="3">
        <v>0</v>
      </c>
      <c r="G349" s="3" t="s">
        <v>525</v>
      </c>
      <c r="H349" s="3">
        <v>0</v>
      </c>
    </row>
    <row r="350" spans="2:8" x14ac:dyDescent="0.25">
      <c r="B350" s="1" t="s">
        <v>526</v>
      </c>
      <c r="C350" s="1">
        <v>2022</v>
      </c>
      <c r="D350" s="1" t="s">
        <v>516</v>
      </c>
      <c r="E350" s="4" t="s">
        <v>593</v>
      </c>
      <c r="F350" s="3">
        <v>0.15741390855071302</v>
      </c>
      <c r="G350" s="3">
        <v>0</v>
      </c>
      <c r="H350" s="3" t="s">
        <v>525</v>
      </c>
    </row>
    <row r="351" spans="2:8" x14ac:dyDescent="0.25">
      <c r="B351" s="1" t="s">
        <v>526</v>
      </c>
      <c r="C351" s="1">
        <v>2022</v>
      </c>
      <c r="D351" s="1" t="s">
        <v>509</v>
      </c>
      <c r="E351" s="4" t="s">
        <v>593</v>
      </c>
      <c r="F351" s="3">
        <v>260.05485384733032</v>
      </c>
      <c r="G351" s="3">
        <v>0</v>
      </c>
      <c r="H351" s="3" t="s">
        <v>525</v>
      </c>
    </row>
    <row r="352" spans="2:8" x14ac:dyDescent="0.25">
      <c r="B352" s="1" t="s">
        <v>526</v>
      </c>
      <c r="C352" s="1">
        <v>2022</v>
      </c>
      <c r="D352" s="1" t="s">
        <v>500</v>
      </c>
      <c r="E352" s="4" t="s">
        <v>593</v>
      </c>
      <c r="F352" s="3">
        <v>671.59199226629948</v>
      </c>
      <c r="G352" s="3">
        <v>0</v>
      </c>
      <c r="H352" s="3" t="s">
        <v>525</v>
      </c>
    </row>
    <row r="353" spans="2:8" x14ac:dyDescent="0.25">
      <c r="B353" s="1" t="s">
        <v>526</v>
      </c>
      <c r="C353" s="1">
        <v>2022</v>
      </c>
      <c r="D353" s="1" t="s">
        <v>484</v>
      </c>
      <c r="E353" s="4" t="s">
        <v>593</v>
      </c>
      <c r="F353" s="3">
        <v>0</v>
      </c>
      <c r="G353" s="3">
        <v>0</v>
      </c>
      <c r="H353" s="3" t="s">
        <v>525</v>
      </c>
    </row>
    <row r="354" spans="2:8" x14ac:dyDescent="0.25">
      <c r="B354" s="1" t="s">
        <v>543</v>
      </c>
      <c r="C354" s="1">
        <v>2022</v>
      </c>
      <c r="D354" s="1" t="s">
        <v>532</v>
      </c>
      <c r="E354" s="4" t="s">
        <v>593</v>
      </c>
      <c r="F354" s="3">
        <v>0</v>
      </c>
      <c r="G354" s="3" t="s">
        <v>525</v>
      </c>
      <c r="H354" s="3">
        <v>0</v>
      </c>
    </row>
    <row r="355" spans="2:8" x14ac:dyDescent="0.25">
      <c r="B355" s="1" t="s">
        <v>465</v>
      </c>
      <c r="C355" s="1">
        <v>2022</v>
      </c>
      <c r="D355" s="1" t="s">
        <v>458</v>
      </c>
      <c r="E355" s="4" t="s">
        <v>593</v>
      </c>
      <c r="F355" s="3">
        <v>0</v>
      </c>
      <c r="G355" s="3">
        <v>0</v>
      </c>
      <c r="H355" s="3">
        <v>0</v>
      </c>
    </row>
    <row r="356" spans="2:8" x14ac:dyDescent="0.25">
      <c r="B356" s="1" t="s">
        <v>543</v>
      </c>
      <c r="C356" s="1">
        <v>2022</v>
      </c>
      <c r="D356" s="1" t="s">
        <v>549</v>
      </c>
      <c r="E356" s="4" t="s">
        <v>593</v>
      </c>
      <c r="F356" s="3">
        <v>0</v>
      </c>
      <c r="G356" s="3">
        <v>0</v>
      </c>
      <c r="H356" s="3">
        <v>0</v>
      </c>
    </row>
    <row r="357" spans="2:8" x14ac:dyDescent="0.25">
      <c r="B357" s="1" t="s">
        <v>543</v>
      </c>
      <c r="C357" s="1">
        <v>2022</v>
      </c>
      <c r="D357" s="1" t="s">
        <v>532</v>
      </c>
      <c r="E357" s="4" t="s">
        <v>593</v>
      </c>
      <c r="F357" s="3">
        <v>0</v>
      </c>
      <c r="G357" s="3" t="s">
        <v>525</v>
      </c>
      <c r="H357" s="3">
        <v>0</v>
      </c>
    </row>
    <row r="358" spans="2:8" x14ac:dyDescent="0.25">
      <c r="B358" s="1" t="s">
        <v>526</v>
      </c>
      <c r="C358" s="1">
        <v>2022</v>
      </c>
      <c r="D358" s="1" t="s">
        <v>484</v>
      </c>
      <c r="E358" s="4" t="s">
        <v>593</v>
      </c>
      <c r="F358" s="3">
        <v>0</v>
      </c>
      <c r="G358" s="3">
        <v>0</v>
      </c>
      <c r="H358" s="3" t="s">
        <v>525</v>
      </c>
    </row>
    <row r="359" spans="2:8" x14ac:dyDescent="0.25">
      <c r="B359" s="1" t="s">
        <v>526</v>
      </c>
      <c r="C359" s="1">
        <v>2022</v>
      </c>
      <c r="D359" s="1" t="s">
        <v>486</v>
      </c>
      <c r="E359" s="4" t="s">
        <v>593</v>
      </c>
      <c r="F359" s="3">
        <v>0</v>
      </c>
      <c r="G359" s="3">
        <v>0</v>
      </c>
      <c r="H359" s="3" t="s">
        <v>525</v>
      </c>
    </row>
    <row r="360" spans="2:8" x14ac:dyDescent="0.25">
      <c r="B360" s="1" t="s">
        <v>526</v>
      </c>
      <c r="C360" s="1">
        <v>2022</v>
      </c>
      <c r="D360" s="1" t="s">
        <v>484</v>
      </c>
      <c r="E360" s="4" t="s">
        <v>593</v>
      </c>
      <c r="F360" s="3">
        <v>0</v>
      </c>
      <c r="G360" s="3">
        <v>0</v>
      </c>
      <c r="H360" s="3" t="s">
        <v>525</v>
      </c>
    </row>
    <row r="361" spans="2:8" x14ac:dyDescent="0.25">
      <c r="B361" s="1" t="s">
        <v>543</v>
      </c>
      <c r="C361" s="1">
        <v>2022</v>
      </c>
      <c r="D361" s="1" t="s">
        <v>549</v>
      </c>
      <c r="E361" s="4" t="s">
        <v>593</v>
      </c>
      <c r="F361" s="3">
        <v>0</v>
      </c>
      <c r="G361" s="3">
        <v>0</v>
      </c>
      <c r="H361" s="3">
        <v>0</v>
      </c>
    </row>
    <row r="362" spans="2:8" x14ac:dyDescent="0.25">
      <c r="B362" s="1" t="s">
        <v>526</v>
      </c>
      <c r="C362" s="1">
        <v>2022</v>
      </c>
      <c r="D362" s="1" t="s">
        <v>484</v>
      </c>
      <c r="E362" s="4" t="s">
        <v>593</v>
      </c>
      <c r="F362" s="3">
        <v>0</v>
      </c>
      <c r="G362" s="3">
        <v>0</v>
      </c>
      <c r="H362" s="3" t="s">
        <v>525</v>
      </c>
    </row>
    <row r="363" spans="2:8" x14ac:dyDescent="0.25">
      <c r="B363" s="1" t="s">
        <v>543</v>
      </c>
      <c r="C363" s="1">
        <v>2022</v>
      </c>
      <c r="D363" s="1" t="s">
        <v>549</v>
      </c>
      <c r="E363" s="4" t="s">
        <v>593</v>
      </c>
      <c r="F363" s="3">
        <v>0</v>
      </c>
      <c r="G363" s="3">
        <v>0</v>
      </c>
      <c r="H363" s="3">
        <v>0</v>
      </c>
    </row>
    <row r="364" spans="2:8" x14ac:dyDescent="0.25">
      <c r="B364" s="1" t="s">
        <v>526</v>
      </c>
      <c r="C364" s="1">
        <v>2022</v>
      </c>
      <c r="D364" s="1" t="s">
        <v>486</v>
      </c>
      <c r="E364" s="4" t="s">
        <v>593</v>
      </c>
      <c r="F364" s="3">
        <v>174.5911051999264</v>
      </c>
      <c r="G364" s="3">
        <v>0</v>
      </c>
      <c r="H364" s="3" t="s">
        <v>525</v>
      </c>
    </row>
    <row r="365" spans="2:8" x14ac:dyDescent="0.25">
      <c r="B365" s="1" t="s">
        <v>526</v>
      </c>
      <c r="C365" s="1">
        <v>2022</v>
      </c>
      <c r="D365" s="1" t="s">
        <v>504</v>
      </c>
      <c r="E365" s="4" t="s">
        <v>593</v>
      </c>
      <c r="F365" s="3">
        <v>0</v>
      </c>
      <c r="G365" s="3">
        <v>0</v>
      </c>
      <c r="H365" s="3" t="s">
        <v>525</v>
      </c>
    </row>
    <row r="366" spans="2:8" x14ac:dyDescent="0.25">
      <c r="B366" s="1" t="s">
        <v>543</v>
      </c>
      <c r="C366" s="1">
        <v>2022</v>
      </c>
      <c r="D366" s="1" t="s">
        <v>538</v>
      </c>
      <c r="E366" s="4" t="s">
        <v>593</v>
      </c>
      <c r="F366" s="3">
        <v>0</v>
      </c>
      <c r="G366" s="3" t="s">
        <v>525</v>
      </c>
      <c r="H366" s="3">
        <v>0</v>
      </c>
    </row>
    <row r="367" spans="2:8" x14ac:dyDescent="0.25">
      <c r="B367" s="1" t="s">
        <v>526</v>
      </c>
      <c r="C367" s="1">
        <v>2022</v>
      </c>
      <c r="D367" s="1" t="s">
        <v>494</v>
      </c>
      <c r="E367" s="4" t="s">
        <v>593</v>
      </c>
      <c r="F367" s="3">
        <v>10.300840331382595</v>
      </c>
      <c r="G367" s="3">
        <v>133.99077753438735</v>
      </c>
      <c r="H367" s="3" t="s">
        <v>525</v>
      </c>
    </row>
    <row r="368" spans="2:8" x14ac:dyDescent="0.25">
      <c r="B368" s="1" t="s">
        <v>526</v>
      </c>
      <c r="C368" s="1">
        <v>2022</v>
      </c>
      <c r="D368" s="1" t="s">
        <v>481</v>
      </c>
      <c r="E368" s="4" t="s">
        <v>593</v>
      </c>
      <c r="F368" s="3">
        <v>171.30792020834119</v>
      </c>
      <c r="G368" s="3">
        <v>0</v>
      </c>
      <c r="H368" s="3" t="s">
        <v>525</v>
      </c>
    </row>
    <row r="369" spans="2:9" x14ac:dyDescent="0.25">
      <c r="B369" s="1" t="s">
        <v>543</v>
      </c>
      <c r="C369" s="1">
        <v>2022</v>
      </c>
      <c r="D369" s="1" t="s">
        <v>551</v>
      </c>
      <c r="E369" s="4" t="s">
        <v>593</v>
      </c>
      <c r="F369" s="3">
        <v>0</v>
      </c>
      <c r="G369" s="3">
        <v>0</v>
      </c>
      <c r="H369" s="3">
        <v>0</v>
      </c>
    </row>
    <row r="370" spans="2:9" x14ac:dyDescent="0.25">
      <c r="B370" s="1" t="s">
        <v>526</v>
      </c>
      <c r="C370" s="1">
        <v>2022</v>
      </c>
      <c r="D370" s="1" t="s">
        <v>505</v>
      </c>
      <c r="E370" s="4" t="s">
        <v>593</v>
      </c>
      <c r="F370" s="3">
        <v>0</v>
      </c>
      <c r="G370" s="3">
        <v>0</v>
      </c>
      <c r="H370" s="3" t="s">
        <v>525</v>
      </c>
      <c r="I370" s="5"/>
    </row>
    <row r="371" spans="2:9" x14ac:dyDescent="0.25">
      <c r="B371" s="1" t="s">
        <v>543</v>
      </c>
      <c r="C371" s="1">
        <v>2022</v>
      </c>
      <c r="D371" s="1" t="s">
        <v>539</v>
      </c>
      <c r="E371" s="4" t="s">
        <v>593</v>
      </c>
      <c r="F371" s="3">
        <v>0</v>
      </c>
      <c r="G371" s="3" t="s">
        <v>525</v>
      </c>
      <c r="H371" s="3">
        <v>0</v>
      </c>
      <c r="I371" s="5"/>
    </row>
    <row r="372" spans="2:9" x14ac:dyDescent="0.25">
      <c r="B372" s="1" t="s">
        <v>543</v>
      </c>
      <c r="C372" s="1">
        <v>2022</v>
      </c>
      <c r="D372" s="1" t="s">
        <v>549</v>
      </c>
      <c r="E372" s="4" t="s">
        <v>593</v>
      </c>
      <c r="F372" s="3">
        <v>0</v>
      </c>
      <c r="G372" s="3">
        <v>0</v>
      </c>
      <c r="H372" s="3">
        <v>0</v>
      </c>
      <c r="I372" s="5"/>
    </row>
    <row r="373" spans="2:9" x14ac:dyDescent="0.25">
      <c r="B373" s="1" t="s">
        <v>526</v>
      </c>
      <c r="C373" s="1">
        <v>2022</v>
      </c>
      <c r="D373" s="1" t="s">
        <v>515</v>
      </c>
      <c r="E373" s="4" t="s">
        <v>593</v>
      </c>
      <c r="F373" s="3">
        <v>711.22355825238708</v>
      </c>
      <c r="G373" s="3">
        <v>0</v>
      </c>
      <c r="H373" s="3" t="s">
        <v>525</v>
      </c>
      <c r="I373" s="5"/>
    </row>
    <row r="374" spans="2:9" x14ac:dyDescent="0.25">
      <c r="B374" s="1" t="s">
        <v>543</v>
      </c>
      <c r="C374" s="1">
        <v>2022</v>
      </c>
      <c r="D374" s="1" t="s">
        <v>549</v>
      </c>
      <c r="E374" s="4" t="s">
        <v>593</v>
      </c>
      <c r="F374" s="3">
        <v>0</v>
      </c>
      <c r="G374" s="3">
        <v>0</v>
      </c>
      <c r="H374" s="3">
        <v>0</v>
      </c>
      <c r="I374" s="5"/>
    </row>
    <row r="375" spans="2:9" x14ac:dyDescent="0.25">
      <c r="B375" s="1" t="s">
        <v>479</v>
      </c>
      <c r="C375" s="1">
        <v>2022</v>
      </c>
      <c r="D375" s="1" t="s">
        <v>471</v>
      </c>
      <c r="E375" s="4" t="s">
        <v>593</v>
      </c>
      <c r="F375" s="3">
        <v>23.568184930579573</v>
      </c>
      <c r="G375" s="3">
        <v>185.85222410453241</v>
      </c>
      <c r="H375" s="3">
        <v>0</v>
      </c>
      <c r="I375" s="5"/>
    </row>
    <row r="376" spans="2:9" x14ac:dyDescent="0.25">
      <c r="B376" s="1" t="s">
        <v>543</v>
      </c>
      <c r="C376" s="1">
        <v>2022</v>
      </c>
      <c r="D376" s="1" t="s">
        <v>544</v>
      </c>
      <c r="E376" s="4" t="s">
        <v>593</v>
      </c>
      <c r="F376" s="3">
        <v>0</v>
      </c>
      <c r="G376" s="3">
        <v>0</v>
      </c>
      <c r="H376" s="3">
        <v>0</v>
      </c>
      <c r="I376" s="5"/>
    </row>
    <row r="377" spans="2:9" x14ac:dyDescent="0.25">
      <c r="B377" s="1" t="s">
        <v>526</v>
      </c>
      <c r="C377" s="1">
        <v>2022</v>
      </c>
      <c r="D377" s="1" t="s">
        <v>515</v>
      </c>
      <c r="E377" s="4" t="s">
        <v>593</v>
      </c>
      <c r="F377" s="3">
        <v>646.14774987521582</v>
      </c>
      <c r="G377" s="3">
        <v>0</v>
      </c>
      <c r="H377" s="3" t="s">
        <v>525</v>
      </c>
      <c r="I377" s="5"/>
    </row>
    <row r="378" spans="2:9" x14ac:dyDescent="0.25">
      <c r="B378" s="1" t="s">
        <v>543</v>
      </c>
      <c r="C378" s="1">
        <v>2022</v>
      </c>
      <c r="D378" s="1" t="s">
        <v>538</v>
      </c>
      <c r="E378" s="4" t="s">
        <v>593</v>
      </c>
      <c r="F378" s="3">
        <v>0</v>
      </c>
      <c r="G378" s="3" t="s">
        <v>525</v>
      </c>
      <c r="H378" s="3">
        <v>0</v>
      </c>
      <c r="I378" s="5"/>
    </row>
    <row r="379" spans="2:9" x14ac:dyDescent="0.25">
      <c r="B379" s="1" t="s">
        <v>526</v>
      </c>
      <c r="C379" s="1">
        <v>2022</v>
      </c>
      <c r="D379" s="1" t="s">
        <v>484</v>
      </c>
      <c r="E379" s="4" t="s">
        <v>593</v>
      </c>
      <c r="F379" s="3">
        <v>0</v>
      </c>
      <c r="G379" s="3">
        <v>0</v>
      </c>
      <c r="H379" s="3" t="s">
        <v>525</v>
      </c>
      <c r="I379" s="5"/>
    </row>
    <row r="380" spans="2:9" x14ac:dyDescent="0.25">
      <c r="B380" s="1" t="s">
        <v>526</v>
      </c>
      <c r="C380" s="1">
        <v>2022</v>
      </c>
      <c r="D380" s="1" t="s">
        <v>489</v>
      </c>
      <c r="E380" s="4" t="s">
        <v>593</v>
      </c>
      <c r="F380" s="3">
        <v>0</v>
      </c>
      <c r="G380" s="3">
        <v>0</v>
      </c>
      <c r="H380" s="3" t="s">
        <v>525</v>
      </c>
      <c r="I380" s="5"/>
    </row>
    <row r="381" spans="2:9" x14ac:dyDescent="0.25">
      <c r="B381" s="1" t="s">
        <v>526</v>
      </c>
      <c r="C381" s="1">
        <v>2022</v>
      </c>
      <c r="D381" s="1" t="s">
        <v>509</v>
      </c>
      <c r="E381" s="4" t="s">
        <v>593</v>
      </c>
      <c r="F381" s="3">
        <v>161.75963412882945</v>
      </c>
      <c r="G381" s="3">
        <v>0</v>
      </c>
      <c r="H381" s="3" t="s">
        <v>525</v>
      </c>
      <c r="I381" s="5"/>
    </row>
    <row r="382" spans="2:9" x14ac:dyDescent="0.25">
      <c r="B382" s="1" t="s">
        <v>543</v>
      </c>
      <c r="C382" s="1">
        <v>2022</v>
      </c>
      <c r="D382" s="1" t="s">
        <v>551</v>
      </c>
      <c r="E382" s="4" t="s">
        <v>593</v>
      </c>
      <c r="F382" s="3">
        <v>0</v>
      </c>
      <c r="G382" s="3">
        <v>0</v>
      </c>
      <c r="H382" s="3">
        <v>0</v>
      </c>
      <c r="I382" s="5"/>
    </row>
    <row r="383" spans="2:9" x14ac:dyDescent="0.25">
      <c r="B383" s="1" t="s">
        <v>526</v>
      </c>
      <c r="C383" s="1">
        <v>2022</v>
      </c>
      <c r="D383" s="1" t="s">
        <v>509</v>
      </c>
      <c r="E383" s="4" t="s">
        <v>593</v>
      </c>
      <c r="F383" s="3">
        <v>252.67154117879886</v>
      </c>
      <c r="G383" s="3">
        <v>0</v>
      </c>
      <c r="H383" s="3" t="s">
        <v>525</v>
      </c>
      <c r="I383" s="5"/>
    </row>
    <row r="384" spans="2:9" x14ac:dyDescent="0.25">
      <c r="B384" s="1" t="s">
        <v>543</v>
      </c>
      <c r="C384" s="1">
        <v>2022</v>
      </c>
      <c r="D384" s="1" t="s">
        <v>544</v>
      </c>
      <c r="E384" s="4" t="s">
        <v>593</v>
      </c>
      <c r="F384" s="3">
        <v>0</v>
      </c>
      <c r="G384" s="3">
        <v>0</v>
      </c>
      <c r="H384" s="3">
        <v>0</v>
      </c>
      <c r="I384" s="5"/>
    </row>
    <row r="385" spans="2:9" x14ac:dyDescent="0.25">
      <c r="B385" s="1" t="s">
        <v>526</v>
      </c>
      <c r="C385" s="1">
        <v>2022</v>
      </c>
      <c r="D385" s="1" t="s">
        <v>484</v>
      </c>
      <c r="E385" s="4" t="s">
        <v>593</v>
      </c>
      <c r="F385" s="3">
        <v>57.462481366428456</v>
      </c>
      <c r="G385" s="3">
        <v>0</v>
      </c>
      <c r="H385" s="3" t="s">
        <v>525</v>
      </c>
      <c r="I385" s="5"/>
    </row>
    <row r="386" spans="2:9" x14ac:dyDescent="0.25">
      <c r="B386" s="1" t="s">
        <v>526</v>
      </c>
      <c r="C386" s="1">
        <v>2022</v>
      </c>
      <c r="D386" s="1" t="s">
        <v>488</v>
      </c>
      <c r="E386" s="4" t="s">
        <v>593</v>
      </c>
      <c r="F386" s="3">
        <v>78.998060667334656</v>
      </c>
      <c r="G386" s="3">
        <v>0</v>
      </c>
      <c r="H386" s="3" t="s">
        <v>525</v>
      </c>
      <c r="I386" s="5"/>
    </row>
    <row r="387" spans="2:9" x14ac:dyDescent="0.25">
      <c r="B387" s="1" t="s">
        <v>543</v>
      </c>
      <c r="C387" s="1">
        <v>2022</v>
      </c>
      <c r="D387" s="1" t="s">
        <v>546</v>
      </c>
      <c r="E387" s="4" t="s">
        <v>593</v>
      </c>
      <c r="F387" s="3">
        <v>0</v>
      </c>
      <c r="G387" s="3">
        <v>0</v>
      </c>
      <c r="H387" s="3">
        <v>0</v>
      </c>
      <c r="I387" s="5"/>
    </row>
    <row r="388" spans="2:9" x14ac:dyDescent="0.25">
      <c r="B388" s="1" t="s">
        <v>479</v>
      </c>
      <c r="C388" s="1">
        <v>2022</v>
      </c>
      <c r="D388" s="1" t="s">
        <v>475</v>
      </c>
      <c r="E388" s="4" t="s">
        <v>593</v>
      </c>
      <c r="F388" s="3">
        <v>0</v>
      </c>
      <c r="G388" s="3">
        <v>0</v>
      </c>
      <c r="H388" s="3">
        <v>0</v>
      </c>
      <c r="I388" s="5"/>
    </row>
    <row r="389" spans="2:9" x14ac:dyDescent="0.25">
      <c r="B389" s="1" t="s">
        <v>526</v>
      </c>
      <c r="C389" s="1">
        <v>2022</v>
      </c>
      <c r="D389" s="1" t="s">
        <v>484</v>
      </c>
      <c r="E389" s="4" t="s">
        <v>593</v>
      </c>
      <c r="F389" s="3">
        <v>0</v>
      </c>
      <c r="G389" s="3">
        <v>0</v>
      </c>
      <c r="H389" s="3" t="s">
        <v>525</v>
      </c>
      <c r="I389" s="5"/>
    </row>
    <row r="390" spans="2:9" x14ac:dyDescent="0.25">
      <c r="B390" s="1" t="s">
        <v>526</v>
      </c>
      <c r="C390" s="1">
        <v>2022</v>
      </c>
      <c r="D390" s="1" t="s">
        <v>510</v>
      </c>
      <c r="E390" s="4" t="s">
        <v>593</v>
      </c>
      <c r="F390" s="3">
        <v>246.62959886737039</v>
      </c>
      <c r="G390" s="3">
        <v>0</v>
      </c>
      <c r="H390" s="3" t="s">
        <v>525</v>
      </c>
      <c r="I390" s="5"/>
    </row>
    <row r="391" spans="2:9" x14ac:dyDescent="0.25">
      <c r="B391" s="1" t="s">
        <v>543</v>
      </c>
      <c r="C391" s="1">
        <v>2022</v>
      </c>
      <c r="D391" s="1" t="s">
        <v>549</v>
      </c>
      <c r="E391" s="4" t="s">
        <v>593</v>
      </c>
      <c r="F391" s="3">
        <v>0</v>
      </c>
      <c r="G391" s="3">
        <v>0</v>
      </c>
      <c r="H391" s="3">
        <v>0</v>
      </c>
      <c r="I391" s="5"/>
    </row>
    <row r="392" spans="2:9" x14ac:dyDescent="0.25">
      <c r="B392" s="1" t="s">
        <v>526</v>
      </c>
      <c r="C392" s="1">
        <v>2022</v>
      </c>
      <c r="D392" s="1" t="s">
        <v>484</v>
      </c>
      <c r="E392" s="4" t="s">
        <v>593</v>
      </c>
      <c r="F392" s="3">
        <v>0</v>
      </c>
      <c r="G392" s="3">
        <v>0</v>
      </c>
      <c r="H392" s="3" t="s">
        <v>525</v>
      </c>
      <c r="I392" s="5"/>
    </row>
    <row r="393" spans="2:9" x14ac:dyDescent="0.25">
      <c r="B393" s="1" t="s">
        <v>543</v>
      </c>
      <c r="C393" s="1">
        <v>2022</v>
      </c>
      <c r="D393" s="1" t="s">
        <v>549</v>
      </c>
      <c r="E393" s="4" t="s">
        <v>593</v>
      </c>
      <c r="F393" s="3">
        <v>0</v>
      </c>
      <c r="G393" s="3">
        <v>0</v>
      </c>
      <c r="H393" s="3">
        <v>0</v>
      </c>
      <c r="I393" s="5"/>
    </row>
    <row r="394" spans="2:9" x14ac:dyDescent="0.25">
      <c r="B394" s="1" t="s">
        <v>543</v>
      </c>
      <c r="C394" s="1">
        <v>2022</v>
      </c>
      <c r="D394" s="1" t="s">
        <v>532</v>
      </c>
      <c r="E394" s="4" t="s">
        <v>593</v>
      </c>
      <c r="F394" s="3">
        <v>0</v>
      </c>
      <c r="G394" s="3" t="s">
        <v>525</v>
      </c>
      <c r="H394" s="3">
        <v>0</v>
      </c>
      <c r="I394" s="5"/>
    </row>
    <row r="395" spans="2:9" x14ac:dyDescent="0.25">
      <c r="B395" s="1" t="s">
        <v>526</v>
      </c>
      <c r="C395" s="1">
        <v>2022</v>
      </c>
      <c r="D395" s="1" t="s">
        <v>505</v>
      </c>
      <c r="E395" s="4" t="s">
        <v>593</v>
      </c>
      <c r="F395" s="3">
        <v>19.202846750397061</v>
      </c>
      <c r="G395" s="3">
        <v>100.53846466176471</v>
      </c>
      <c r="H395" s="3" t="s">
        <v>525</v>
      </c>
      <c r="I395" s="5"/>
    </row>
    <row r="396" spans="2:9" x14ac:dyDescent="0.25">
      <c r="B396" s="1" t="s">
        <v>479</v>
      </c>
      <c r="C396" s="1">
        <v>2022</v>
      </c>
      <c r="D396" s="1" t="s">
        <v>471</v>
      </c>
      <c r="E396" s="4" t="s">
        <v>593</v>
      </c>
      <c r="F396" s="3">
        <v>17.732660244152672</v>
      </c>
      <c r="G396" s="3">
        <v>200.82679999999999</v>
      </c>
      <c r="H396" s="3">
        <v>0</v>
      </c>
      <c r="I396" s="5"/>
    </row>
    <row r="397" spans="2:9" x14ac:dyDescent="0.25">
      <c r="B397" s="1" t="s">
        <v>543</v>
      </c>
      <c r="C397" s="1">
        <v>2022</v>
      </c>
      <c r="D397" s="1" t="s">
        <v>549</v>
      </c>
      <c r="E397" s="4" t="s">
        <v>593</v>
      </c>
      <c r="F397" s="3">
        <v>0</v>
      </c>
      <c r="G397" s="3">
        <v>0</v>
      </c>
      <c r="H397" s="3">
        <v>0</v>
      </c>
      <c r="I397" s="5"/>
    </row>
    <row r="398" spans="2:9" x14ac:dyDescent="0.25">
      <c r="B398" s="1" t="s">
        <v>543</v>
      </c>
      <c r="C398" s="1">
        <v>2022</v>
      </c>
      <c r="D398" s="1" t="s">
        <v>537</v>
      </c>
      <c r="E398" s="4" t="s">
        <v>593</v>
      </c>
      <c r="F398" s="3">
        <v>0</v>
      </c>
      <c r="G398" s="3" t="s">
        <v>525</v>
      </c>
      <c r="H398" s="3">
        <v>0</v>
      </c>
      <c r="I398" s="5"/>
    </row>
    <row r="399" spans="2:9" x14ac:dyDescent="0.25">
      <c r="B399" s="1" t="s">
        <v>526</v>
      </c>
      <c r="C399" s="1">
        <v>2022</v>
      </c>
      <c r="D399" s="1" t="s">
        <v>487</v>
      </c>
      <c r="E399" s="4" t="s">
        <v>593</v>
      </c>
      <c r="F399" s="3">
        <v>0</v>
      </c>
      <c r="G399" s="3">
        <v>0</v>
      </c>
      <c r="H399" s="3" t="s">
        <v>525</v>
      </c>
      <c r="I399" s="5"/>
    </row>
    <row r="400" spans="2:9" x14ac:dyDescent="0.25">
      <c r="B400" s="1" t="s">
        <v>543</v>
      </c>
      <c r="C400" s="1">
        <v>2022</v>
      </c>
      <c r="D400" s="1" t="s">
        <v>547</v>
      </c>
      <c r="E400" s="4" t="s">
        <v>593</v>
      </c>
      <c r="F400" s="3">
        <v>0</v>
      </c>
      <c r="G400" s="3">
        <v>0</v>
      </c>
      <c r="H400" s="3">
        <v>0</v>
      </c>
      <c r="I400" s="5"/>
    </row>
    <row r="401" spans="2:9" x14ac:dyDescent="0.25">
      <c r="B401" s="1" t="s">
        <v>526</v>
      </c>
      <c r="C401" s="1">
        <v>2022</v>
      </c>
      <c r="D401" s="1" t="s">
        <v>484</v>
      </c>
      <c r="E401" s="4" t="s">
        <v>593</v>
      </c>
      <c r="F401" s="3">
        <v>0</v>
      </c>
      <c r="G401" s="3">
        <v>0</v>
      </c>
      <c r="H401" s="3" t="s">
        <v>525</v>
      </c>
      <c r="I401" s="5"/>
    </row>
    <row r="402" spans="2:9" x14ac:dyDescent="0.25">
      <c r="B402" s="1" t="s">
        <v>543</v>
      </c>
      <c r="C402" s="1">
        <v>2022</v>
      </c>
      <c r="D402" s="1" t="s">
        <v>537</v>
      </c>
      <c r="E402" s="4" t="s">
        <v>593</v>
      </c>
      <c r="F402" s="3">
        <v>0</v>
      </c>
      <c r="G402" s="3" t="s">
        <v>525</v>
      </c>
      <c r="H402" s="3">
        <v>0</v>
      </c>
      <c r="I402" s="5"/>
    </row>
    <row r="403" spans="2:9" x14ac:dyDescent="0.25">
      <c r="B403" s="1" t="s">
        <v>543</v>
      </c>
      <c r="C403" s="1">
        <v>2022</v>
      </c>
      <c r="D403" s="1" t="s">
        <v>532</v>
      </c>
      <c r="E403" s="4" t="s">
        <v>593</v>
      </c>
      <c r="F403" s="3">
        <v>0</v>
      </c>
      <c r="G403" s="3" t="s">
        <v>525</v>
      </c>
      <c r="H403" s="3">
        <v>0</v>
      </c>
      <c r="I403" s="5"/>
    </row>
    <row r="404" spans="2:9" x14ac:dyDescent="0.25">
      <c r="B404" s="1" t="s">
        <v>526</v>
      </c>
      <c r="C404" s="1">
        <v>2022</v>
      </c>
      <c r="D404" s="1" t="s">
        <v>496</v>
      </c>
      <c r="E404" s="4" t="s">
        <v>593</v>
      </c>
      <c r="F404" s="3">
        <v>35.163852383120172</v>
      </c>
      <c r="G404" s="3">
        <v>0</v>
      </c>
      <c r="H404" s="3" t="s">
        <v>525</v>
      </c>
      <c r="I404" s="5"/>
    </row>
    <row r="405" spans="2:9" x14ac:dyDescent="0.25">
      <c r="B405" s="1" t="s">
        <v>465</v>
      </c>
      <c r="C405" s="1">
        <v>2022</v>
      </c>
      <c r="D405" s="1" t="s">
        <v>460</v>
      </c>
      <c r="E405" s="4" t="s">
        <v>593</v>
      </c>
      <c r="F405" s="3">
        <v>0</v>
      </c>
      <c r="G405" s="3">
        <v>0</v>
      </c>
      <c r="H405" s="3">
        <v>0</v>
      </c>
      <c r="I405" s="5"/>
    </row>
    <row r="406" spans="2:9" x14ac:dyDescent="0.25">
      <c r="B406" s="1" t="s">
        <v>526</v>
      </c>
      <c r="C406" s="1">
        <v>2022</v>
      </c>
      <c r="D406" s="1" t="s">
        <v>484</v>
      </c>
      <c r="E406" s="4" t="s">
        <v>593</v>
      </c>
      <c r="F406" s="3">
        <v>109.15649999999999</v>
      </c>
      <c r="G406" s="3">
        <v>571.5</v>
      </c>
      <c r="H406" s="3" t="s">
        <v>525</v>
      </c>
      <c r="I406" s="5"/>
    </row>
    <row r="407" spans="2:9" x14ac:dyDescent="0.25">
      <c r="B407" s="1" t="s">
        <v>526</v>
      </c>
      <c r="C407" s="1">
        <v>2022</v>
      </c>
      <c r="D407" s="1" t="s">
        <v>501</v>
      </c>
      <c r="E407" s="4" t="s">
        <v>593</v>
      </c>
      <c r="F407" s="3">
        <v>0</v>
      </c>
      <c r="G407" s="3">
        <v>0</v>
      </c>
      <c r="H407" s="3" t="s">
        <v>525</v>
      </c>
      <c r="I407" s="5"/>
    </row>
    <row r="408" spans="2:9" x14ac:dyDescent="0.25">
      <c r="B408" s="1" t="s">
        <v>526</v>
      </c>
      <c r="C408" s="1">
        <v>2022</v>
      </c>
      <c r="D408" s="1" t="s">
        <v>481</v>
      </c>
      <c r="E408" s="4" t="s">
        <v>593</v>
      </c>
      <c r="F408" s="3">
        <v>123.2088691566419</v>
      </c>
      <c r="G408" s="3">
        <v>0</v>
      </c>
      <c r="H408" s="3" t="s">
        <v>525</v>
      </c>
      <c r="I408" s="5"/>
    </row>
    <row r="409" spans="2:9" x14ac:dyDescent="0.25">
      <c r="B409" s="1" t="s">
        <v>526</v>
      </c>
      <c r="C409" s="1">
        <v>2022</v>
      </c>
      <c r="D409" s="1" t="s">
        <v>504</v>
      </c>
      <c r="E409" s="4" t="s">
        <v>593</v>
      </c>
      <c r="F409" s="3">
        <v>0</v>
      </c>
      <c r="G409" s="3">
        <v>0</v>
      </c>
      <c r="H409" s="3">
        <v>0</v>
      </c>
      <c r="I409" s="5"/>
    </row>
    <row r="410" spans="2:9" x14ac:dyDescent="0.25">
      <c r="B410" s="1" t="s">
        <v>543</v>
      </c>
      <c r="C410" s="1">
        <v>2022</v>
      </c>
      <c r="D410" s="1" t="s">
        <v>544</v>
      </c>
      <c r="E410" s="4" t="s">
        <v>593</v>
      </c>
      <c r="F410" s="3">
        <v>0</v>
      </c>
      <c r="G410" s="3">
        <v>0</v>
      </c>
      <c r="H410" s="3">
        <v>0</v>
      </c>
      <c r="I410" s="5"/>
    </row>
    <row r="411" spans="2:9" x14ac:dyDescent="0.25">
      <c r="B411" s="1" t="s">
        <v>526</v>
      </c>
      <c r="C411" s="1">
        <v>2022</v>
      </c>
      <c r="D411" s="1" t="s">
        <v>488</v>
      </c>
      <c r="E411" s="4" t="s">
        <v>593</v>
      </c>
      <c r="F411" s="3">
        <v>36.286001542333338</v>
      </c>
      <c r="G411" s="3">
        <v>189.97906566666666</v>
      </c>
      <c r="H411" s="3" t="s">
        <v>525</v>
      </c>
      <c r="I411" s="5"/>
    </row>
    <row r="412" spans="2:9" x14ac:dyDescent="0.25">
      <c r="B412" s="1" t="s">
        <v>526</v>
      </c>
      <c r="C412" s="1">
        <v>2022</v>
      </c>
      <c r="D412" s="1" t="s">
        <v>484</v>
      </c>
      <c r="E412" s="4" t="s">
        <v>593</v>
      </c>
      <c r="F412" s="3">
        <v>319.89272507741356</v>
      </c>
      <c r="G412" s="3">
        <v>0</v>
      </c>
      <c r="H412" s="3" t="s">
        <v>525</v>
      </c>
      <c r="I412" s="5"/>
    </row>
    <row r="413" spans="2:9" x14ac:dyDescent="0.25">
      <c r="B413" s="1" t="s">
        <v>526</v>
      </c>
      <c r="C413" s="1">
        <v>2022</v>
      </c>
      <c r="D413" s="1" t="s">
        <v>493</v>
      </c>
      <c r="E413" s="4" t="s">
        <v>593</v>
      </c>
      <c r="F413" s="3">
        <v>34.372312530133328</v>
      </c>
      <c r="G413" s="3">
        <v>179.95975146666666</v>
      </c>
      <c r="H413" s="3" t="s">
        <v>525</v>
      </c>
      <c r="I413" s="5"/>
    </row>
    <row r="414" spans="2:9" x14ac:dyDescent="0.25">
      <c r="B414" s="1" t="s">
        <v>543</v>
      </c>
      <c r="C414" s="1">
        <v>2022</v>
      </c>
      <c r="D414" s="1" t="s">
        <v>537</v>
      </c>
      <c r="E414" s="4" t="s">
        <v>593</v>
      </c>
      <c r="F414" s="3">
        <v>0</v>
      </c>
      <c r="G414" s="3" t="s">
        <v>525</v>
      </c>
      <c r="H414" s="3">
        <v>0</v>
      </c>
      <c r="I414" s="5"/>
    </row>
    <row r="415" spans="2:9" x14ac:dyDescent="0.25">
      <c r="B415" s="1" t="s">
        <v>526</v>
      </c>
      <c r="C415" s="1">
        <v>2022</v>
      </c>
      <c r="D415" s="1" t="s">
        <v>509</v>
      </c>
      <c r="E415" s="4" t="s">
        <v>593</v>
      </c>
      <c r="F415" s="3">
        <v>134.15725369243938</v>
      </c>
      <c r="G415" s="3">
        <v>0</v>
      </c>
      <c r="H415" s="3" t="s">
        <v>525</v>
      </c>
      <c r="I415" s="5"/>
    </row>
    <row r="416" spans="2:9" x14ac:dyDescent="0.25">
      <c r="B416" s="1" t="s">
        <v>543</v>
      </c>
      <c r="C416" s="1">
        <v>2022</v>
      </c>
      <c r="D416" s="1" t="s">
        <v>551</v>
      </c>
      <c r="E416" s="4" t="s">
        <v>593</v>
      </c>
      <c r="F416" s="3">
        <v>0</v>
      </c>
      <c r="G416" s="3">
        <v>0</v>
      </c>
      <c r="H416" s="3">
        <v>0</v>
      </c>
      <c r="I416" s="5"/>
    </row>
    <row r="417" spans="2:9" x14ac:dyDescent="0.25">
      <c r="B417" s="1" t="s">
        <v>526</v>
      </c>
      <c r="C417" s="1">
        <v>2022</v>
      </c>
      <c r="D417" s="1" t="s">
        <v>499</v>
      </c>
      <c r="E417" s="4" t="s">
        <v>593</v>
      </c>
      <c r="F417" s="3">
        <v>0</v>
      </c>
      <c r="G417" s="3">
        <v>0</v>
      </c>
      <c r="H417" s="3" t="s">
        <v>525</v>
      </c>
      <c r="I417" s="5"/>
    </row>
    <row r="418" spans="2:9" x14ac:dyDescent="0.25">
      <c r="B418" s="1" t="s">
        <v>543</v>
      </c>
      <c r="C418" s="1">
        <v>2022</v>
      </c>
      <c r="D418" s="1" t="s">
        <v>549</v>
      </c>
      <c r="E418" s="4" t="s">
        <v>593</v>
      </c>
      <c r="F418" s="3">
        <v>0</v>
      </c>
      <c r="G418" s="3">
        <v>0</v>
      </c>
      <c r="H418" s="3">
        <v>0</v>
      </c>
      <c r="I418" s="5"/>
    </row>
    <row r="419" spans="2:9" x14ac:dyDescent="0.25">
      <c r="B419" s="1" t="s">
        <v>526</v>
      </c>
      <c r="C419" s="1">
        <v>2022</v>
      </c>
      <c r="D419" s="1" t="s">
        <v>493</v>
      </c>
      <c r="E419" s="4" t="s">
        <v>593</v>
      </c>
      <c r="F419" s="3">
        <v>0</v>
      </c>
      <c r="G419" s="3">
        <v>0</v>
      </c>
      <c r="H419" s="3" t="s">
        <v>525</v>
      </c>
      <c r="I419" s="5"/>
    </row>
    <row r="420" spans="2:9" x14ac:dyDescent="0.25">
      <c r="B420" s="1" t="s">
        <v>543</v>
      </c>
      <c r="C420" s="1">
        <v>2022</v>
      </c>
      <c r="D420" s="1" t="s">
        <v>533</v>
      </c>
      <c r="E420" s="4" t="s">
        <v>593</v>
      </c>
      <c r="F420" s="3">
        <v>0</v>
      </c>
      <c r="G420" s="3" t="s">
        <v>525</v>
      </c>
      <c r="H420" s="3">
        <v>0</v>
      </c>
      <c r="I420" s="5"/>
    </row>
    <row r="421" spans="2:9" x14ac:dyDescent="0.25">
      <c r="B421" s="1" t="s">
        <v>543</v>
      </c>
      <c r="C421" s="1">
        <v>2022</v>
      </c>
      <c r="D421" s="1" t="s">
        <v>537</v>
      </c>
      <c r="E421" s="4" t="s">
        <v>593</v>
      </c>
      <c r="F421" s="3">
        <v>0</v>
      </c>
      <c r="G421" s="3" t="s">
        <v>525</v>
      </c>
      <c r="H421" s="3">
        <v>0</v>
      </c>
      <c r="I421" s="5"/>
    </row>
    <row r="422" spans="2:9" x14ac:dyDescent="0.25">
      <c r="B422" s="1" t="s">
        <v>543</v>
      </c>
      <c r="C422" s="1">
        <v>2022</v>
      </c>
      <c r="D422" s="1" t="s">
        <v>537</v>
      </c>
      <c r="E422" s="4" t="s">
        <v>593</v>
      </c>
      <c r="F422" s="3">
        <v>0</v>
      </c>
      <c r="G422" s="3" t="s">
        <v>525</v>
      </c>
      <c r="H422" s="3">
        <v>0</v>
      </c>
      <c r="I422" s="5"/>
    </row>
    <row r="423" spans="2:9" x14ac:dyDescent="0.25">
      <c r="B423" s="1" t="s">
        <v>465</v>
      </c>
      <c r="C423" s="1">
        <v>2022</v>
      </c>
      <c r="D423" s="1" t="s">
        <v>451</v>
      </c>
      <c r="E423" s="4" t="s">
        <v>593</v>
      </c>
      <c r="F423" s="3">
        <v>0</v>
      </c>
      <c r="G423" s="3">
        <v>0</v>
      </c>
      <c r="H423" s="3">
        <v>0</v>
      </c>
      <c r="I423" s="5"/>
    </row>
    <row r="424" spans="2:9" x14ac:dyDescent="0.25">
      <c r="B424" s="1" t="s">
        <v>526</v>
      </c>
      <c r="C424" s="1">
        <v>2022</v>
      </c>
      <c r="D424" s="1" t="s">
        <v>508</v>
      </c>
      <c r="E424" s="4" t="s">
        <v>593</v>
      </c>
      <c r="F424" s="3">
        <v>822.17801828856807</v>
      </c>
      <c r="G424" s="3">
        <v>0</v>
      </c>
      <c r="H424" s="3" t="s">
        <v>525</v>
      </c>
      <c r="I424" s="5"/>
    </row>
    <row r="425" spans="2:9" x14ac:dyDescent="0.25">
      <c r="B425" s="1" t="s">
        <v>526</v>
      </c>
      <c r="C425" s="1">
        <v>2022</v>
      </c>
      <c r="D425" s="1" t="s">
        <v>491</v>
      </c>
      <c r="E425" s="4" t="s">
        <v>593</v>
      </c>
      <c r="F425" s="3">
        <v>91.892901580026972</v>
      </c>
      <c r="G425" s="3">
        <v>0</v>
      </c>
      <c r="H425" s="3" t="s">
        <v>525</v>
      </c>
      <c r="I425" s="5"/>
    </row>
    <row r="426" spans="2:9" x14ac:dyDescent="0.25">
      <c r="B426" s="1" t="s">
        <v>526</v>
      </c>
      <c r="C426" s="1">
        <v>2022</v>
      </c>
      <c r="D426" s="1" t="s">
        <v>481</v>
      </c>
      <c r="E426" s="4" t="s">
        <v>593</v>
      </c>
      <c r="F426" s="3">
        <v>24.040566009254519</v>
      </c>
      <c r="G426" s="3">
        <v>636.84583125000006</v>
      </c>
      <c r="H426" s="3" t="s">
        <v>525</v>
      </c>
      <c r="I426" s="5"/>
    </row>
    <row r="427" spans="2:9" x14ac:dyDescent="0.25">
      <c r="B427" s="1" t="s">
        <v>526</v>
      </c>
      <c r="C427" s="1">
        <v>2022</v>
      </c>
      <c r="D427" s="1" t="s">
        <v>481</v>
      </c>
      <c r="E427" s="4" t="s">
        <v>593</v>
      </c>
      <c r="F427" s="3">
        <v>341.11614541710549</v>
      </c>
      <c r="G427" s="3">
        <v>0</v>
      </c>
      <c r="H427" s="3" t="s">
        <v>525</v>
      </c>
      <c r="I427" s="5"/>
    </row>
    <row r="428" spans="2:9" x14ac:dyDescent="0.25">
      <c r="B428" s="1" t="s">
        <v>465</v>
      </c>
      <c r="C428" s="1">
        <v>2022</v>
      </c>
      <c r="D428" s="1" t="s">
        <v>452</v>
      </c>
      <c r="E428" s="4" t="s">
        <v>593</v>
      </c>
      <c r="F428" s="3">
        <v>0</v>
      </c>
      <c r="G428" s="3">
        <v>0</v>
      </c>
      <c r="H428" s="3">
        <v>0</v>
      </c>
      <c r="I428" s="5"/>
    </row>
    <row r="429" spans="2:9" x14ac:dyDescent="0.25">
      <c r="B429" s="1" t="s">
        <v>543</v>
      </c>
      <c r="C429" s="1">
        <v>2022</v>
      </c>
      <c r="D429" s="1" t="s">
        <v>542</v>
      </c>
      <c r="E429" s="4" t="s">
        <v>593</v>
      </c>
      <c r="F429" s="3">
        <v>0</v>
      </c>
      <c r="G429" s="3" t="s">
        <v>525</v>
      </c>
      <c r="H429" s="3">
        <v>0</v>
      </c>
      <c r="I429" s="5"/>
    </row>
    <row r="430" spans="2:9" x14ac:dyDescent="0.25">
      <c r="B430" s="1" t="s">
        <v>543</v>
      </c>
      <c r="C430" s="1">
        <v>2022</v>
      </c>
      <c r="D430" s="1" t="s">
        <v>551</v>
      </c>
      <c r="E430" s="4" t="s">
        <v>593</v>
      </c>
      <c r="F430" s="3">
        <v>0</v>
      </c>
      <c r="G430" s="3">
        <v>0</v>
      </c>
      <c r="H430" s="3">
        <v>0</v>
      </c>
      <c r="I430" s="5"/>
    </row>
    <row r="431" spans="2:9" x14ac:dyDescent="0.25">
      <c r="B431" s="1" t="s">
        <v>526</v>
      </c>
      <c r="C431" s="1">
        <v>2022</v>
      </c>
      <c r="D431" s="1" t="s">
        <v>524</v>
      </c>
      <c r="E431" s="4" t="s">
        <v>593</v>
      </c>
      <c r="F431" s="3">
        <v>0</v>
      </c>
      <c r="G431" s="3">
        <v>0</v>
      </c>
      <c r="H431" s="3" t="s">
        <v>525</v>
      </c>
      <c r="I431" s="5"/>
    </row>
    <row r="432" spans="2:9" x14ac:dyDescent="0.25">
      <c r="B432" s="1" t="s">
        <v>526</v>
      </c>
      <c r="C432" s="1">
        <v>2022</v>
      </c>
      <c r="D432" s="1" t="s">
        <v>493</v>
      </c>
      <c r="E432" s="4" t="s">
        <v>593</v>
      </c>
      <c r="F432" s="3">
        <v>0</v>
      </c>
      <c r="G432" s="3">
        <v>0</v>
      </c>
      <c r="H432" s="3" t="s">
        <v>525</v>
      </c>
      <c r="I432" s="5"/>
    </row>
    <row r="433" spans="2:9" x14ac:dyDescent="0.25">
      <c r="B433" s="1" t="s">
        <v>543</v>
      </c>
      <c r="C433" s="1">
        <v>2022</v>
      </c>
      <c r="D433" s="1" t="s">
        <v>549</v>
      </c>
      <c r="E433" s="4" t="s">
        <v>593</v>
      </c>
      <c r="F433" s="3">
        <v>0</v>
      </c>
      <c r="G433" s="3">
        <v>0</v>
      </c>
      <c r="H433" s="3">
        <v>0</v>
      </c>
      <c r="I433" s="5"/>
    </row>
    <row r="434" spans="2:9" x14ac:dyDescent="0.25">
      <c r="B434" s="1" t="s">
        <v>543</v>
      </c>
      <c r="C434" s="1">
        <v>2022</v>
      </c>
      <c r="D434" s="1" t="s">
        <v>550</v>
      </c>
      <c r="E434" s="4" t="s">
        <v>593</v>
      </c>
      <c r="F434" s="3">
        <v>0</v>
      </c>
      <c r="G434" s="3">
        <v>0</v>
      </c>
      <c r="H434" s="3">
        <v>0</v>
      </c>
      <c r="I434" s="5"/>
    </row>
    <row r="435" spans="2:9" x14ac:dyDescent="0.25">
      <c r="B435" s="1" t="s">
        <v>526</v>
      </c>
      <c r="C435" s="1">
        <v>2022</v>
      </c>
      <c r="D435" s="1" t="s">
        <v>498</v>
      </c>
      <c r="E435" s="4" t="s">
        <v>593</v>
      </c>
      <c r="F435" s="3">
        <v>41.512183405691992</v>
      </c>
      <c r="G435" s="3">
        <v>-87.747682229087502</v>
      </c>
      <c r="H435" s="3" t="s">
        <v>525</v>
      </c>
      <c r="I435" s="5"/>
    </row>
    <row r="436" spans="2:9" x14ac:dyDescent="0.25">
      <c r="B436" s="1" t="s">
        <v>479</v>
      </c>
      <c r="C436" s="1">
        <v>2022</v>
      </c>
      <c r="D436" s="1" t="s">
        <v>471</v>
      </c>
      <c r="E436" s="4" t="s">
        <v>593</v>
      </c>
      <c r="F436" s="3">
        <v>0</v>
      </c>
      <c r="G436" s="3">
        <v>0</v>
      </c>
      <c r="H436" s="3">
        <v>0</v>
      </c>
      <c r="I436" s="5"/>
    </row>
    <row r="437" spans="2:9" x14ac:dyDescent="0.25">
      <c r="B437" s="1" t="s">
        <v>465</v>
      </c>
      <c r="C437" s="1">
        <v>2022</v>
      </c>
      <c r="D437" s="1" t="s">
        <v>462</v>
      </c>
      <c r="E437" s="4" t="s">
        <v>593</v>
      </c>
      <c r="F437" s="3">
        <v>94.72366982414664</v>
      </c>
      <c r="G437" s="3">
        <v>0</v>
      </c>
      <c r="H437" s="3">
        <v>0</v>
      </c>
      <c r="I437" s="5"/>
    </row>
    <row r="438" spans="2:9" x14ac:dyDescent="0.25">
      <c r="B438" s="1" t="s">
        <v>526</v>
      </c>
      <c r="C438" s="1">
        <v>2022</v>
      </c>
      <c r="D438" s="1" t="s">
        <v>489</v>
      </c>
      <c r="E438" s="4" t="s">
        <v>593</v>
      </c>
      <c r="F438" s="3">
        <v>0</v>
      </c>
      <c r="G438" s="3">
        <v>0</v>
      </c>
      <c r="H438" s="3" t="s">
        <v>525</v>
      </c>
      <c r="I438" s="5"/>
    </row>
    <row r="439" spans="2:9" x14ac:dyDescent="0.25">
      <c r="B439" s="1" t="s">
        <v>526</v>
      </c>
      <c r="C439" s="1">
        <v>2022</v>
      </c>
      <c r="D439" s="1" t="s">
        <v>509</v>
      </c>
      <c r="E439" s="4" t="s">
        <v>593</v>
      </c>
      <c r="F439" s="3">
        <v>0</v>
      </c>
      <c r="G439" s="3">
        <v>0</v>
      </c>
      <c r="H439" s="3" t="s">
        <v>525</v>
      </c>
      <c r="I439" s="5"/>
    </row>
    <row r="440" spans="2:9" x14ac:dyDescent="0.25">
      <c r="B440" s="1" t="s">
        <v>526</v>
      </c>
      <c r="C440" s="1">
        <v>2022</v>
      </c>
      <c r="D440" s="1" t="s">
        <v>484</v>
      </c>
      <c r="E440" s="4" t="s">
        <v>593</v>
      </c>
      <c r="F440" s="3">
        <v>0</v>
      </c>
      <c r="G440" s="3">
        <v>0</v>
      </c>
      <c r="H440" s="3" t="s">
        <v>525</v>
      </c>
      <c r="I440" s="5"/>
    </row>
    <row r="441" spans="2:9" x14ac:dyDescent="0.25">
      <c r="B441" s="1" t="s">
        <v>543</v>
      </c>
      <c r="C441" s="1">
        <v>2022</v>
      </c>
      <c r="D441" s="1" t="s">
        <v>532</v>
      </c>
      <c r="E441" s="4" t="s">
        <v>593</v>
      </c>
      <c r="F441" s="3">
        <v>0</v>
      </c>
      <c r="G441" s="3" t="s">
        <v>525</v>
      </c>
      <c r="H441" s="3">
        <v>0</v>
      </c>
      <c r="I441" s="5"/>
    </row>
    <row r="442" spans="2:9" x14ac:dyDescent="0.25">
      <c r="B442" s="1" t="s">
        <v>543</v>
      </c>
      <c r="C442" s="1">
        <v>2022</v>
      </c>
      <c r="D442" s="1" t="s">
        <v>556</v>
      </c>
      <c r="E442" s="4" t="s">
        <v>593</v>
      </c>
      <c r="F442" s="3">
        <v>0</v>
      </c>
      <c r="G442" s="3">
        <v>0</v>
      </c>
      <c r="H442" s="3">
        <v>0</v>
      </c>
      <c r="I442" s="5"/>
    </row>
    <row r="443" spans="2:9" x14ac:dyDescent="0.25">
      <c r="B443" s="1" t="s">
        <v>526</v>
      </c>
      <c r="C443" s="1">
        <v>2022</v>
      </c>
      <c r="D443" s="1" t="s">
        <v>484</v>
      </c>
      <c r="E443" s="4" t="s">
        <v>593</v>
      </c>
      <c r="F443" s="3">
        <v>0</v>
      </c>
      <c r="G443" s="3">
        <v>0</v>
      </c>
      <c r="H443" s="3" t="s">
        <v>525</v>
      </c>
      <c r="I443" s="5"/>
    </row>
    <row r="444" spans="2:9" x14ac:dyDescent="0.25">
      <c r="B444" s="1" t="s">
        <v>526</v>
      </c>
      <c r="C444" s="1">
        <v>2022</v>
      </c>
      <c r="D444" s="1" t="s">
        <v>481</v>
      </c>
      <c r="E444" s="4" t="s">
        <v>593</v>
      </c>
      <c r="F444" s="3">
        <v>57.860436518466315</v>
      </c>
      <c r="G444" s="3">
        <v>0</v>
      </c>
      <c r="H444" s="3" t="s">
        <v>525</v>
      </c>
      <c r="I444" s="5"/>
    </row>
    <row r="445" spans="2:9" x14ac:dyDescent="0.25">
      <c r="B445" s="1" t="s">
        <v>526</v>
      </c>
      <c r="C445" s="1">
        <v>2022</v>
      </c>
      <c r="D445" s="1" t="s">
        <v>482</v>
      </c>
      <c r="E445" s="4" t="s">
        <v>593</v>
      </c>
      <c r="F445" s="3">
        <v>0</v>
      </c>
      <c r="G445" s="3">
        <v>0</v>
      </c>
      <c r="H445" s="3" t="s">
        <v>525</v>
      </c>
      <c r="I445" s="5"/>
    </row>
    <row r="446" spans="2:9" x14ac:dyDescent="0.25">
      <c r="B446" s="1" t="s">
        <v>543</v>
      </c>
      <c r="C446" s="1">
        <v>2022</v>
      </c>
      <c r="D446" s="1" t="s">
        <v>554</v>
      </c>
      <c r="E446" s="4" t="s">
        <v>593</v>
      </c>
      <c r="F446" s="3">
        <v>0</v>
      </c>
      <c r="G446" s="3">
        <v>0</v>
      </c>
      <c r="H446" s="3">
        <v>0</v>
      </c>
      <c r="I446" s="5"/>
    </row>
    <row r="447" spans="2:9" x14ac:dyDescent="0.25">
      <c r="B447" s="1" t="s">
        <v>526</v>
      </c>
      <c r="C447" s="1">
        <v>2022</v>
      </c>
      <c r="D447" s="1" t="s">
        <v>490</v>
      </c>
      <c r="E447" s="4" t="s">
        <v>593</v>
      </c>
      <c r="F447" s="3">
        <v>0</v>
      </c>
      <c r="G447" s="3">
        <v>0</v>
      </c>
      <c r="H447" s="3" t="s">
        <v>525</v>
      </c>
      <c r="I447" s="5"/>
    </row>
    <row r="448" spans="2:9" x14ac:dyDescent="0.25">
      <c r="B448" s="1" t="s">
        <v>526</v>
      </c>
      <c r="C448" s="1">
        <v>2022</v>
      </c>
      <c r="D448" s="1" t="s">
        <v>489</v>
      </c>
      <c r="E448" s="4" t="s">
        <v>593</v>
      </c>
      <c r="F448" s="3">
        <v>0</v>
      </c>
      <c r="G448" s="3">
        <v>0</v>
      </c>
      <c r="H448" s="3" t="s">
        <v>525</v>
      </c>
      <c r="I448" s="5"/>
    </row>
    <row r="449" spans="2:9" x14ac:dyDescent="0.25">
      <c r="B449" s="1" t="s">
        <v>479</v>
      </c>
      <c r="C449" s="1">
        <v>2022</v>
      </c>
      <c r="D449" s="1" t="s">
        <v>478</v>
      </c>
      <c r="E449" s="4" t="s">
        <v>593</v>
      </c>
      <c r="F449" s="3">
        <v>0</v>
      </c>
      <c r="G449" s="3">
        <v>0</v>
      </c>
      <c r="H449" s="3">
        <v>0</v>
      </c>
      <c r="I449" s="5"/>
    </row>
    <row r="450" spans="2:9" x14ac:dyDescent="0.25">
      <c r="B450" s="1" t="s">
        <v>526</v>
      </c>
      <c r="C450" s="1">
        <v>2022</v>
      </c>
      <c r="D450" s="1" t="s">
        <v>484</v>
      </c>
      <c r="E450" s="4" t="s">
        <v>593</v>
      </c>
      <c r="F450" s="3">
        <v>11.64702263507513</v>
      </c>
      <c r="G450" s="3">
        <v>0</v>
      </c>
      <c r="H450" s="3" t="s">
        <v>525</v>
      </c>
      <c r="I450" s="5"/>
    </row>
    <row r="451" spans="2:9" x14ac:dyDescent="0.25">
      <c r="B451" s="1" t="s">
        <v>526</v>
      </c>
      <c r="C451" s="1">
        <v>2022</v>
      </c>
      <c r="D451" s="1" t="s">
        <v>489</v>
      </c>
      <c r="E451" s="4" t="s">
        <v>593</v>
      </c>
      <c r="F451" s="3">
        <v>2.6387053613157896</v>
      </c>
      <c r="G451" s="3">
        <v>13.815211315789474</v>
      </c>
      <c r="H451" s="3" t="s">
        <v>525</v>
      </c>
      <c r="I451" s="5"/>
    </row>
    <row r="452" spans="2:9" x14ac:dyDescent="0.25">
      <c r="B452" s="1" t="s">
        <v>543</v>
      </c>
      <c r="C452" s="1">
        <v>2022</v>
      </c>
      <c r="D452" s="1" t="s">
        <v>542</v>
      </c>
      <c r="E452" s="4" t="s">
        <v>593</v>
      </c>
      <c r="F452" s="3">
        <v>0</v>
      </c>
      <c r="G452" s="3" t="s">
        <v>525</v>
      </c>
      <c r="H452" s="3">
        <v>0</v>
      </c>
      <c r="I452" s="5"/>
    </row>
    <row r="453" spans="2:9" x14ac:dyDescent="0.25">
      <c r="B453" s="1" t="s">
        <v>543</v>
      </c>
      <c r="C453" s="1">
        <v>2022</v>
      </c>
      <c r="D453" s="1" t="s">
        <v>551</v>
      </c>
      <c r="E453" s="4" t="s">
        <v>593</v>
      </c>
      <c r="F453" s="3">
        <v>0</v>
      </c>
      <c r="G453" s="3">
        <v>0</v>
      </c>
      <c r="H453" s="3">
        <v>0</v>
      </c>
      <c r="I453" s="5"/>
    </row>
    <row r="454" spans="2:9" x14ac:dyDescent="0.25">
      <c r="B454" s="1" t="s">
        <v>465</v>
      </c>
      <c r="C454" s="1">
        <v>2022</v>
      </c>
      <c r="D454" s="1" t="s">
        <v>451</v>
      </c>
      <c r="E454" s="4" t="s">
        <v>593</v>
      </c>
      <c r="F454" s="3">
        <v>0</v>
      </c>
      <c r="G454" s="3">
        <v>0</v>
      </c>
      <c r="H454" s="3">
        <v>0</v>
      </c>
      <c r="I454" s="5"/>
    </row>
    <row r="455" spans="2:9" x14ac:dyDescent="0.25">
      <c r="B455" s="1" t="s">
        <v>543</v>
      </c>
      <c r="C455" s="1">
        <v>2022</v>
      </c>
      <c r="D455" s="1" t="s">
        <v>532</v>
      </c>
      <c r="E455" s="4" t="s">
        <v>593</v>
      </c>
      <c r="F455" s="3">
        <v>0</v>
      </c>
      <c r="G455" s="3" t="s">
        <v>525</v>
      </c>
      <c r="H455" s="3">
        <v>0</v>
      </c>
      <c r="I455" s="5"/>
    </row>
    <row r="456" spans="2:9" x14ac:dyDescent="0.25">
      <c r="B456" s="1" t="s">
        <v>543</v>
      </c>
      <c r="C456" s="1">
        <v>2022</v>
      </c>
      <c r="D456" s="1" t="s">
        <v>537</v>
      </c>
      <c r="E456" s="4" t="s">
        <v>593</v>
      </c>
      <c r="F456" s="3">
        <v>0</v>
      </c>
      <c r="G456" s="3" t="s">
        <v>525</v>
      </c>
      <c r="H456" s="3">
        <v>0</v>
      </c>
      <c r="I456" s="5"/>
    </row>
    <row r="457" spans="2:9" x14ac:dyDescent="0.25">
      <c r="B457" s="1" t="s">
        <v>465</v>
      </c>
      <c r="C457" s="1">
        <v>2022</v>
      </c>
      <c r="D457" s="1" t="s">
        <v>453</v>
      </c>
      <c r="E457" s="4" t="s">
        <v>593</v>
      </c>
      <c r="F457" s="3">
        <v>0</v>
      </c>
      <c r="G457" s="3">
        <v>0</v>
      </c>
      <c r="H457" s="3">
        <v>0</v>
      </c>
    </row>
    <row r="458" spans="2:9" x14ac:dyDescent="0.25">
      <c r="B458" s="1" t="s">
        <v>465</v>
      </c>
      <c r="C458" s="1">
        <v>2022</v>
      </c>
      <c r="D458" s="1" t="s">
        <v>459</v>
      </c>
      <c r="E458" s="4" t="s">
        <v>593</v>
      </c>
      <c r="F458" s="3">
        <v>0</v>
      </c>
      <c r="G458" s="3">
        <v>0</v>
      </c>
      <c r="H458" s="3">
        <v>0</v>
      </c>
    </row>
    <row r="459" spans="2:9" x14ac:dyDescent="0.25">
      <c r="B459" s="1" t="s">
        <v>526</v>
      </c>
      <c r="C459" s="1">
        <v>2022</v>
      </c>
      <c r="D459" s="1" t="s">
        <v>489</v>
      </c>
      <c r="E459" s="4" t="s">
        <v>593</v>
      </c>
      <c r="F459" s="3">
        <v>0</v>
      </c>
      <c r="G459" s="3">
        <v>0</v>
      </c>
      <c r="H459" s="3" t="s">
        <v>525</v>
      </c>
    </row>
    <row r="460" spans="2:9" x14ac:dyDescent="0.25">
      <c r="B460" s="1" t="s">
        <v>526</v>
      </c>
      <c r="C460" s="1">
        <v>2022</v>
      </c>
      <c r="D460" s="1" t="s">
        <v>481</v>
      </c>
      <c r="E460" s="4" t="s">
        <v>593</v>
      </c>
      <c r="F460" s="3">
        <v>61.885242808411995</v>
      </c>
      <c r="G460" s="3">
        <v>0</v>
      </c>
      <c r="H460" s="3" t="s">
        <v>525</v>
      </c>
    </row>
    <row r="461" spans="2:9" x14ac:dyDescent="0.25">
      <c r="B461" s="1" t="s">
        <v>543</v>
      </c>
      <c r="C461" s="1">
        <v>2022</v>
      </c>
      <c r="D461" s="1" t="s">
        <v>550</v>
      </c>
      <c r="E461" s="4" t="s">
        <v>593</v>
      </c>
      <c r="F461" s="3">
        <v>0</v>
      </c>
      <c r="G461" s="3">
        <v>0</v>
      </c>
      <c r="H461" s="3">
        <v>0</v>
      </c>
    </row>
    <row r="462" spans="2:9" x14ac:dyDescent="0.25">
      <c r="B462" s="1" t="s">
        <v>526</v>
      </c>
      <c r="C462" s="1">
        <v>2022</v>
      </c>
      <c r="D462" s="1" t="s">
        <v>481</v>
      </c>
      <c r="E462" s="4" t="s">
        <v>593</v>
      </c>
      <c r="F462" s="3">
        <v>36.876291139208071</v>
      </c>
      <c r="G462" s="3">
        <v>0</v>
      </c>
      <c r="H462" s="3" t="s">
        <v>525</v>
      </c>
    </row>
    <row r="463" spans="2:9" x14ac:dyDescent="0.25">
      <c r="B463" s="1" t="s">
        <v>543</v>
      </c>
      <c r="C463" s="1">
        <v>2022</v>
      </c>
      <c r="D463" s="1" t="s">
        <v>536</v>
      </c>
      <c r="E463" s="4" t="s">
        <v>593</v>
      </c>
      <c r="F463" s="3">
        <v>0</v>
      </c>
      <c r="G463" s="3" t="s">
        <v>525</v>
      </c>
      <c r="H463" s="3">
        <v>0</v>
      </c>
    </row>
    <row r="464" spans="2:9" x14ac:dyDescent="0.25">
      <c r="B464" s="1" t="s">
        <v>526</v>
      </c>
      <c r="C464" s="1">
        <v>2022</v>
      </c>
      <c r="D464" s="1" t="s">
        <v>521</v>
      </c>
      <c r="E464" s="4" t="s">
        <v>593</v>
      </c>
      <c r="F464" s="3">
        <v>0</v>
      </c>
      <c r="G464" s="3">
        <v>0</v>
      </c>
      <c r="H464" s="3">
        <v>0</v>
      </c>
    </row>
    <row r="465" spans="2:8" x14ac:dyDescent="0.25">
      <c r="B465" s="1" t="s">
        <v>526</v>
      </c>
      <c r="C465" s="1">
        <v>2022</v>
      </c>
      <c r="D465" s="1" t="s">
        <v>487</v>
      </c>
      <c r="E465" s="4" t="s">
        <v>593</v>
      </c>
      <c r="F465" s="3">
        <v>0</v>
      </c>
      <c r="G465" s="3">
        <v>0</v>
      </c>
      <c r="H465" s="3" t="s">
        <v>525</v>
      </c>
    </row>
    <row r="466" spans="2:8" x14ac:dyDescent="0.25">
      <c r="B466" s="1" t="s">
        <v>526</v>
      </c>
      <c r="C466" s="1">
        <v>2022</v>
      </c>
      <c r="D466" s="1" t="s">
        <v>489</v>
      </c>
      <c r="E466" s="4" t="s">
        <v>593</v>
      </c>
      <c r="F466" s="3">
        <v>24.441720683999996</v>
      </c>
      <c r="G466" s="3">
        <v>127.967124</v>
      </c>
      <c r="H466" s="3" t="s">
        <v>525</v>
      </c>
    </row>
    <row r="467" spans="2:8" x14ac:dyDescent="0.25">
      <c r="B467" s="1" t="s">
        <v>526</v>
      </c>
      <c r="C467" s="1">
        <v>2022</v>
      </c>
      <c r="D467" s="1" t="s">
        <v>490</v>
      </c>
      <c r="E467" s="4" t="s">
        <v>593</v>
      </c>
      <c r="F467" s="3">
        <v>0</v>
      </c>
      <c r="G467" s="3">
        <v>0</v>
      </c>
      <c r="H467" s="3" t="s">
        <v>525</v>
      </c>
    </row>
    <row r="468" spans="2:8" x14ac:dyDescent="0.25">
      <c r="B468" s="1" t="s">
        <v>543</v>
      </c>
      <c r="C468" s="1">
        <v>2022</v>
      </c>
      <c r="D468" s="1" t="s">
        <v>549</v>
      </c>
      <c r="E468" s="4" t="s">
        <v>593</v>
      </c>
      <c r="F468" s="3">
        <v>0</v>
      </c>
      <c r="G468" s="3">
        <v>0</v>
      </c>
      <c r="H468" s="3">
        <v>0</v>
      </c>
    </row>
    <row r="469" spans="2:8" x14ac:dyDescent="0.25">
      <c r="B469" s="1" t="s">
        <v>526</v>
      </c>
      <c r="C469" s="1">
        <v>2022</v>
      </c>
      <c r="D469" s="1" t="s">
        <v>487</v>
      </c>
      <c r="E469" s="4" t="s">
        <v>593</v>
      </c>
      <c r="F469" s="3">
        <v>18.56068471607902</v>
      </c>
      <c r="G469" s="3">
        <v>0</v>
      </c>
      <c r="H469" s="3" t="s">
        <v>525</v>
      </c>
    </row>
    <row r="470" spans="2:8" x14ac:dyDescent="0.25">
      <c r="B470" s="1" t="s">
        <v>526</v>
      </c>
      <c r="C470" s="1">
        <v>2022</v>
      </c>
      <c r="D470" s="1" t="s">
        <v>493</v>
      </c>
      <c r="E470" s="4" t="s">
        <v>593</v>
      </c>
      <c r="F470" s="3">
        <v>0.18090690869000001</v>
      </c>
      <c r="G470" s="3">
        <v>0.94715658999999996</v>
      </c>
      <c r="H470" s="3" t="s">
        <v>525</v>
      </c>
    </row>
    <row r="471" spans="2:8" x14ac:dyDescent="0.25">
      <c r="B471" s="1" t="s">
        <v>526</v>
      </c>
      <c r="C471" s="1">
        <v>2022</v>
      </c>
      <c r="D471" s="1" t="s">
        <v>484</v>
      </c>
      <c r="E471" s="4" t="s">
        <v>593</v>
      </c>
      <c r="F471" s="3">
        <v>0</v>
      </c>
      <c r="G471" s="3">
        <v>0</v>
      </c>
      <c r="H471" s="3" t="s">
        <v>525</v>
      </c>
    </row>
    <row r="472" spans="2:8" x14ac:dyDescent="0.25">
      <c r="B472" s="1" t="s">
        <v>543</v>
      </c>
      <c r="C472" s="1">
        <v>2022</v>
      </c>
      <c r="D472" s="1" t="s">
        <v>547</v>
      </c>
      <c r="E472" s="4" t="s">
        <v>593</v>
      </c>
      <c r="F472" s="3">
        <v>0</v>
      </c>
      <c r="G472" s="3">
        <v>0</v>
      </c>
      <c r="H472" s="3">
        <v>0</v>
      </c>
    </row>
    <row r="473" spans="2:8" x14ac:dyDescent="0.25">
      <c r="B473" s="1" t="s">
        <v>526</v>
      </c>
      <c r="C473" s="1">
        <v>2022</v>
      </c>
      <c r="D473" s="1" t="s">
        <v>519</v>
      </c>
      <c r="E473" s="4" t="s">
        <v>593</v>
      </c>
      <c r="F473" s="3">
        <v>0</v>
      </c>
      <c r="G473" s="3">
        <v>0</v>
      </c>
      <c r="H473" s="3">
        <v>120</v>
      </c>
    </row>
    <row r="474" spans="2:8" x14ac:dyDescent="0.25">
      <c r="B474" s="1" t="s">
        <v>543</v>
      </c>
      <c r="C474" s="1">
        <v>2022</v>
      </c>
      <c r="D474" s="1" t="s">
        <v>553</v>
      </c>
      <c r="E474" s="4" t="s">
        <v>593</v>
      </c>
      <c r="F474" s="3">
        <v>0</v>
      </c>
      <c r="G474" s="3">
        <v>-0.12490162222222223</v>
      </c>
      <c r="H474" s="3">
        <v>0</v>
      </c>
    </row>
    <row r="475" spans="2:8" x14ac:dyDescent="0.25">
      <c r="B475" s="1" t="s">
        <v>479</v>
      </c>
      <c r="C475" s="1">
        <v>2022</v>
      </c>
      <c r="D475" s="1" t="s">
        <v>471</v>
      </c>
      <c r="E475" s="4" t="s">
        <v>593</v>
      </c>
      <c r="F475" s="3">
        <v>0</v>
      </c>
      <c r="G475" s="3">
        <v>0</v>
      </c>
      <c r="H475" s="3">
        <v>0</v>
      </c>
    </row>
    <row r="476" spans="2:8" x14ac:dyDescent="0.25">
      <c r="B476" s="1" t="s">
        <v>526</v>
      </c>
      <c r="C476" s="1">
        <v>2022</v>
      </c>
      <c r="D476" s="1" t="s">
        <v>497</v>
      </c>
      <c r="E476" s="4" t="s">
        <v>593</v>
      </c>
      <c r="F476" s="3">
        <v>11.753077001389856</v>
      </c>
      <c r="G476" s="3">
        <v>0</v>
      </c>
      <c r="H476" s="3" t="s">
        <v>525</v>
      </c>
    </row>
    <row r="477" spans="2:8" x14ac:dyDescent="0.25">
      <c r="B477" s="1" t="s">
        <v>543</v>
      </c>
      <c r="C477" s="1">
        <v>2022</v>
      </c>
      <c r="D477" s="1" t="s">
        <v>550</v>
      </c>
      <c r="E477" s="4" t="s">
        <v>593</v>
      </c>
      <c r="F477" s="3">
        <v>0</v>
      </c>
      <c r="G477" s="3">
        <v>0</v>
      </c>
      <c r="H477" s="3">
        <v>0</v>
      </c>
    </row>
    <row r="478" spans="2:8" x14ac:dyDescent="0.25">
      <c r="B478" s="1" t="s">
        <v>526</v>
      </c>
      <c r="C478" s="1">
        <v>2022</v>
      </c>
      <c r="D478" s="1" t="s">
        <v>493</v>
      </c>
      <c r="E478" s="4" t="s">
        <v>593</v>
      </c>
      <c r="F478" s="3">
        <v>9.845994550639853</v>
      </c>
      <c r="G478" s="3">
        <v>51.549709689213891</v>
      </c>
      <c r="H478" s="3" t="s">
        <v>525</v>
      </c>
    </row>
    <row r="479" spans="2:8" x14ac:dyDescent="0.25">
      <c r="B479" s="1" t="s">
        <v>526</v>
      </c>
      <c r="C479" s="1">
        <v>2022</v>
      </c>
      <c r="D479" s="1" t="s">
        <v>509</v>
      </c>
      <c r="E479" s="4" t="s">
        <v>593</v>
      </c>
      <c r="F479" s="3">
        <v>0</v>
      </c>
      <c r="G479" s="3">
        <v>0</v>
      </c>
      <c r="H479" s="3" t="s">
        <v>525</v>
      </c>
    </row>
    <row r="480" spans="2:8" x14ac:dyDescent="0.25">
      <c r="B480" s="1" t="s">
        <v>526</v>
      </c>
      <c r="C480" s="1">
        <v>2022</v>
      </c>
      <c r="D480" s="1" t="s">
        <v>484</v>
      </c>
      <c r="E480" s="4" t="s">
        <v>593</v>
      </c>
      <c r="F480" s="3">
        <v>0</v>
      </c>
      <c r="G480" s="3">
        <v>0</v>
      </c>
      <c r="H480" s="3" t="s">
        <v>525</v>
      </c>
    </row>
    <row r="481" spans="2:8" x14ac:dyDescent="0.25">
      <c r="B481" s="1" t="s">
        <v>526</v>
      </c>
      <c r="C481" s="1">
        <v>2022</v>
      </c>
      <c r="D481" s="1" t="s">
        <v>504</v>
      </c>
      <c r="E481" s="4" t="s">
        <v>593</v>
      </c>
      <c r="F481" s="3">
        <v>0</v>
      </c>
      <c r="G481" s="3">
        <v>0</v>
      </c>
      <c r="H481" s="3" t="s">
        <v>525</v>
      </c>
    </row>
    <row r="482" spans="2:8" x14ac:dyDescent="0.25">
      <c r="B482" s="1" t="s">
        <v>526</v>
      </c>
      <c r="C482" s="1">
        <v>2021</v>
      </c>
      <c r="D482" s="1" t="s">
        <v>484</v>
      </c>
      <c r="E482" s="4" t="s">
        <v>596</v>
      </c>
      <c r="F482" s="3">
        <v>562.20052954313337</v>
      </c>
      <c r="G482" s="3">
        <v>0</v>
      </c>
      <c r="H482" s="3" t="s">
        <v>525</v>
      </c>
    </row>
    <row r="483" spans="2:8" x14ac:dyDescent="0.25">
      <c r="B483" s="1" t="s">
        <v>526</v>
      </c>
      <c r="C483" s="1">
        <v>2021</v>
      </c>
      <c r="D483" s="1" t="s">
        <v>488</v>
      </c>
      <c r="E483" s="4" t="s">
        <v>596</v>
      </c>
      <c r="F483" s="3">
        <v>1452.6240351005079</v>
      </c>
      <c r="G483" s="3">
        <v>378.12356979405035</v>
      </c>
      <c r="H483" s="3" t="s">
        <v>525</v>
      </c>
    </row>
    <row r="484" spans="2:8" x14ac:dyDescent="0.25">
      <c r="B484" s="1" t="s">
        <v>526</v>
      </c>
      <c r="C484" s="1">
        <v>2021</v>
      </c>
      <c r="D484" s="1" t="s">
        <v>488</v>
      </c>
      <c r="E484" s="4" t="s">
        <v>596</v>
      </c>
      <c r="F484" s="3">
        <v>1388.5376806107795</v>
      </c>
      <c r="G484" s="3">
        <v>361.44164759725396</v>
      </c>
      <c r="H484" s="3" t="s">
        <v>525</v>
      </c>
    </row>
    <row r="485" spans="2:8" x14ac:dyDescent="0.25">
      <c r="B485" s="1" t="s">
        <v>526</v>
      </c>
      <c r="C485" s="1">
        <v>2021</v>
      </c>
      <c r="D485" s="1" t="s">
        <v>492</v>
      </c>
      <c r="E485" s="4" t="s">
        <v>596</v>
      </c>
      <c r="F485" s="3">
        <v>0</v>
      </c>
      <c r="G485" s="3">
        <v>0</v>
      </c>
      <c r="H485" s="3" t="s">
        <v>525</v>
      </c>
    </row>
    <row r="486" spans="2:8" x14ac:dyDescent="0.25">
      <c r="B486" s="1" t="s">
        <v>479</v>
      </c>
      <c r="C486" s="1">
        <v>2021</v>
      </c>
      <c r="D486" s="1" t="s">
        <v>467</v>
      </c>
      <c r="E486" s="4" t="s">
        <v>596</v>
      </c>
      <c r="F486" s="3">
        <v>12.323789012022495</v>
      </c>
      <c r="G486" s="3">
        <v>0</v>
      </c>
      <c r="H486" s="3">
        <v>0</v>
      </c>
    </row>
    <row r="487" spans="2:8" x14ac:dyDescent="0.25">
      <c r="B487" s="1" t="s">
        <v>526</v>
      </c>
      <c r="C487" s="1">
        <v>2021</v>
      </c>
      <c r="D487" s="1" t="s">
        <v>513</v>
      </c>
      <c r="E487" s="4" t="s">
        <v>595</v>
      </c>
      <c r="F487" s="3">
        <v>3667.2491531871897</v>
      </c>
      <c r="G487" s="3">
        <v>0</v>
      </c>
      <c r="H487" s="3" t="s">
        <v>525</v>
      </c>
    </row>
    <row r="488" spans="2:8" x14ac:dyDescent="0.25">
      <c r="B488" s="1" t="s">
        <v>530</v>
      </c>
      <c r="C488" s="1">
        <v>2021</v>
      </c>
      <c r="D488" s="1" t="s">
        <v>528</v>
      </c>
      <c r="E488" s="4" t="s">
        <v>595</v>
      </c>
      <c r="F488" s="3" t="s">
        <v>525</v>
      </c>
      <c r="G488" s="3" t="s">
        <v>525</v>
      </c>
      <c r="H488" s="3" t="s">
        <v>525</v>
      </c>
    </row>
    <row r="489" spans="2:8" x14ac:dyDescent="0.25">
      <c r="B489" s="1" t="s">
        <v>526</v>
      </c>
      <c r="C489" s="1">
        <v>2021</v>
      </c>
      <c r="D489" s="1" t="s">
        <v>512</v>
      </c>
      <c r="E489" s="4" t="s">
        <v>595</v>
      </c>
      <c r="F489" s="3">
        <v>2278.6673214882644</v>
      </c>
      <c r="G489" s="3">
        <v>0</v>
      </c>
      <c r="H489" s="3" t="s">
        <v>525</v>
      </c>
    </row>
    <row r="490" spans="2:8" x14ac:dyDescent="0.25">
      <c r="B490" s="1" t="s">
        <v>465</v>
      </c>
      <c r="C490" s="1">
        <v>2021</v>
      </c>
      <c r="D490" s="1" t="s">
        <v>451</v>
      </c>
      <c r="E490" s="4" t="s">
        <v>595</v>
      </c>
      <c r="F490" s="3">
        <v>0</v>
      </c>
      <c r="G490" s="3">
        <v>0</v>
      </c>
      <c r="H490" s="3">
        <v>0</v>
      </c>
    </row>
    <row r="491" spans="2:8" x14ac:dyDescent="0.25">
      <c r="B491" s="1" t="s">
        <v>526</v>
      </c>
      <c r="C491" s="1">
        <v>2021</v>
      </c>
      <c r="D491" s="1" t="s">
        <v>517</v>
      </c>
      <c r="E491" s="4" t="s">
        <v>595</v>
      </c>
      <c r="F491" s="3">
        <v>0</v>
      </c>
      <c r="G491" s="3">
        <v>0</v>
      </c>
      <c r="H491" s="3" t="s">
        <v>525</v>
      </c>
    </row>
    <row r="492" spans="2:8" x14ac:dyDescent="0.25">
      <c r="B492" s="1" t="s">
        <v>543</v>
      </c>
      <c r="C492" s="1">
        <v>2021</v>
      </c>
      <c r="D492" s="1" t="s">
        <v>535</v>
      </c>
      <c r="E492" s="4" t="s">
        <v>595</v>
      </c>
      <c r="F492" s="3">
        <v>0</v>
      </c>
      <c r="G492" s="3" t="s">
        <v>525</v>
      </c>
      <c r="H492" s="3">
        <v>1538.90625</v>
      </c>
    </row>
    <row r="493" spans="2:8" x14ac:dyDescent="0.25">
      <c r="B493" s="1" t="s">
        <v>543</v>
      </c>
      <c r="C493" s="1">
        <v>2021</v>
      </c>
      <c r="D493" s="1" t="s">
        <v>537</v>
      </c>
      <c r="E493" s="4" t="s">
        <v>593</v>
      </c>
      <c r="F493" s="3">
        <v>0</v>
      </c>
      <c r="G493" s="3" t="s">
        <v>525</v>
      </c>
      <c r="H493" s="3">
        <v>0</v>
      </c>
    </row>
    <row r="494" spans="2:8" x14ac:dyDescent="0.25">
      <c r="B494" s="1" t="s">
        <v>526</v>
      </c>
      <c r="C494" s="1">
        <v>2021</v>
      </c>
      <c r="D494" s="1" t="s">
        <v>484</v>
      </c>
      <c r="E494" s="4" t="s">
        <v>593</v>
      </c>
      <c r="F494" s="3">
        <v>114.04534785586877</v>
      </c>
      <c r="G494" s="3">
        <v>0</v>
      </c>
      <c r="H494" s="3" t="s">
        <v>525</v>
      </c>
    </row>
    <row r="495" spans="2:8" x14ac:dyDescent="0.25">
      <c r="B495" s="1" t="s">
        <v>479</v>
      </c>
      <c r="C495" s="1">
        <v>2021</v>
      </c>
      <c r="D495" s="1" t="s">
        <v>466</v>
      </c>
      <c r="E495" s="4" t="s">
        <v>593</v>
      </c>
      <c r="F495" s="3">
        <v>0</v>
      </c>
      <c r="G495" s="3">
        <v>0</v>
      </c>
      <c r="H495" s="3">
        <v>0</v>
      </c>
    </row>
    <row r="496" spans="2:8" x14ac:dyDescent="0.25">
      <c r="B496" s="1" t="s">
        <v>530</v>
      </c>
      <c r="C496" s="1">
        <v>2021</v>
      </c>
      <c r="D496" s="1" t="s">
        <v>528</v>
      </c>
      <c r="E496" s="4" t="s">
        <v>593</v>
      </c>
      <c r="F496" s="3" t="s">
        <v>525</v>
      </c>
      <c r="G496" s="3" t="s">
        <v>525</v>
      </c>
      <c r="H496" s="3" t="s">
        <v>525</v>
      </c>
    </row>
    <row r="497" spans="2:8" x14ac:dyDescent="0.25">
      <c r="B497" s="1" t="s">
        <v>526</v>
      </c>
      <c r="C497" s="1">
        <v>2021</v>
      </c>
      <c r="D497" s="1" t="s">
        <v>504</v>
      </c>
      <c r="E497" s="4" t="s">
        <v>593</v>
      </c>
      <c r="F497" s="3">
        <v>1807.8942112291631</v>
      </c>
      <c r="G497" s="3">
        <v>0</v>
      </c>
      <c r="H497" s="3">
        <v>20312.602219355933</v>
      </c>
    </row>
    <row r="498" spans="2:8" x14ac:dyDescent="0.25">
      <c r="B498" s="1" t="s">
        <v>526</v>
      </c>
      <c r="C498" s="1">
        <v>2021</v>
      </c>
      <c r="D498" s="1" t="s">
        <v>504</v>
      </c>
      <c r="E498" s="4" t="s">
        <v>593</v>
      </c>
      <c r="F498" s="3">
        <v>0</v>
      </c>
      <c r="G498" s="3">
        <v>0</v>
      </c>
      <c r="H498" s="3">
        <v>0</v>
      </c>
    </row>
    <row r="499" spans="2:8" x14ac:dyDescent="0.25">
      <c r="B499" s="1" t="s">
        <v>465</v>
      </c>
      <c r="C499" s="1">
        <v>2021</v>
      </c>
      <c r="D499" s="1" t="s">
        <v>451</v>
      </c>
      <c r="E499" s="4" t="s">
        <v>593</v>
      </c>
      <c r="F499" s="3">
        <v>0</v>
      </c>
      <c r="G499" s="3">
        <v>0</v>
      </c>
      <c r="H499" s="3">
        <v>0</v>
      </c>
    </row>
    <row r="500" spans="2:8" x14ac:dyDescent="0.25">
      <c r="B500" s="1" t="s">
        <v>526</v>
      </c>
      <c r="C500" s="1">
        <v>2021</v>
      </c>
      <c r="D500" s="1" t="s">
        <v>520</v>
      </c>
      <c r="E500" s="4" t="s">
        <v>593</v>
      </c>
      <c r="F500" s="3">
        <v>1372.2395875428322</v>
      </c>
      <c r="G500" s="3">
        <v>0</v>
      </c>
      <c r="H500" s="3">
        <v>15417.803054117647</v>
      </c>
    </row>
    <row r="501" spans="2:8" x14ac:dyDescent="0.25">
      <c r="B501" s="1" t="s">
        <v>526</v>
      </c>
      <c r="C501" s="1">
        <v>2021</v>
      </c>
      <c r="D501" s="1" t="s">
        <v>504</v>
      </c>
      <c r="E501" s="4" t="s">
        <v>593</v>
      </c>
      <c r="F501" s="3">
        <v>2079.753559836955</v>
      </c>
      <c r="G501" s="3">
        <v>0</v>
      </c>
      <c r="H501" s="3">
        <v>23367.078954545457</v>
      </c>
    </row>
    <row r="502" spans="2:8" x14ac:dyDescent="0.25">
      <c r="B502" s="1" t="s">
        <v>526</v>
      </c>
      <c r="C502" s="1">
        <v>2021</v>
      </c>
      <c r="D502" s="1" t="s">
        <v>509</v>
      </c>
      <c r="E502" s="4" t="s">
        <v>593</v>
      </c>
      <c r="F502" s="3">
        <v>550.12540889655008</v>
      </c>
      <c r="G502" s="3">
        <v>0</v>
      </c>
      <c r="H502" s="3" t="s">
        <v>525</v>
      </c>
    </row>
    <row r="503" spans="2:8" x14ac:dyDescent="0.25">
      <c r="B503" s="1" t="s">
        <v>543</v>
      </c>
      <c r="C503" s="1">
        <v>2021</v>
      </c>
      <c r="D503" s="1" t="s">
        <v>540</v>
      </c>
      <c r="E503" s="4" t="s">
        <v>593</v>
      </c>
      <c r="F503" s="3">
        <v>0</v>
      </c>
      <c r="G503" s="3" t="s">
        <v>525</v>
      </c>
      <c r="H503" s="3">
        <v>0</v>
      </c>
    </row>
    <row r="504" spans="2:8" x14ac:dyDescent="0.25">
      <c r="B504" s="1" t="s">
        <v>526</v>
      </c>
      <c r="C504" s="1">
        <v>2021</v>
      </c>
      <c r="D504" s="1" t="s">
        <v>483</v>
      </c>
      <c r="E504" s="4" t="s">
        <v>593</v>
      </c>
      <c r="F504" s="3">
        <v>977.58026895878209</v>
      </c>
      <c r="G504" s="3">
        <v>1049.387668918919</v>
      </c>
      <c r="H504" s="3" t="s">
        <v>525</v>
      </c>
    </row>
    <row r="505" spans="2:8" x14ac:dyDescent="0.25">
      <c r="B505" s="1" t="s">
        <v>526</v>
      </c>
      <c r="C505" s="1">
        <v>2021</v>
      </c>
      <c r="D505" s="1" t="s">
        <v>506</v>
      </c>
      <c r="E505" s="4" t="s">
        <v>593</v>
      </c>
      <c r="F505" s="3">
        <v>973.71327424046706</v>
      </c>
      <c r="G505" s="3">
        <v>1045.2366271047297</v>
      </c>
      <c r="H505" s="3" t="s">
        <v>525</v>
      </c>
    </row>
    <row r="506" spans="2:8" x14ac:dyDescent="0.25">
      <c r="B506" s="1" t="s">
        <v>526</v>
      </c>
      <c r="C506" s="1">
        <v>2021</v>
      </c>
      <c r="D506" s="1" t="s">
        <v>520</v>
      </c>
      <c r="E506" s="4" t="s">
        <v>593</v>
      </c>
      <c r="F506" s="3">
        <v>235.77396294563246</v>
      </c>
      <c r="G506" s="3">
        <v>0</v>
      </c>
      <c r="H506" s="3">
        <v>2649.0392486735691</v>
      </c>
    </row>
    <row r="507" spans="2:8" x14ac:dyDescent="0.25">
      <c r="B507" s="1" t="s">
        <v>543</v>
      </c>
      <c r="C507" s="1">
        <v>2021</v>
      </c>
      <c r="D507" s="1" t="s">
        <v>540</v>
      </c>
      <c r="E507" s="4" t="s">
        <v>593</v>
      </c>
      <c r="F507" s="3">
        <v>0</v>
      </c>
      <c r="G507" s="3" t="s">
        <v>525</v>
      </c>
      <c r="H507" s="3">
        <v>0</v>
      </c>
    </row>
    <row r="508" spans="2:8" x14ac:dyDescent="0.25">
      <c r="B508" s="1" t="s">
        <v>526</v>
      </c>
      <c r="C508" s="1">
        <v>2021</v>
      </c>
      <c r="D508" s="1" t="s">
        <v>509</v>
      </c>
      <c r="E508" s="4" t="s">
        <v>593</v>
      </c>
      <c r="F508" s="3">
        <v>296.38125288173831</v>
      </c>
      <c r="G508" s="3">
        <v>0</v>
      </c>
      <c r="H508" s="3" t="s">
        <v>525</v>
      </c>
    </row>
    <row r="509" spans="2:8" x14ac:dyDescent="0.25">
      <c r="B509" s="1" t="s">
        <v>465</v>
      </c>
      <c r="C509" s="1">
        <v>2021</v>
      </c>
      <c r="D509" s="1" t="s">
        <v>457</v>
      </c>
      <c r="E509" s="4" t="s">
        <v>593</v>
      </c>
      <c r="F509" s="3">
        <v>0</v>
      </c>
      <c r="G509" s="3">
        <v>0</v>
      </c>
      <c r="H509" s="3">
        <v>0</v>
      </c>
    </row>
    <row r="510" spans="2:8" x14ac:dyDescent="0.25">
      <c r="B510" s="1" t="s">
        <v>526</v>
      </c>
      <c r="C510" s="1">
        <v>2021</v>
      </c>
      <c r="D510" s="1" t="s">
        <v>579</v>
      </c>
      <c r="E510" s="4" t="s">
        <v>593</v>
      </c>
      <c r="F510" s="3">
        <v>0</v>
      </c>
      <c r="G510" s="3">
        <v>0</v>
      </c>
      <c r="H510" s="3">
        <v>0</v>
      </c>
    </row>
    <row r="511" spans="2:8" x14ac:dyDescent="0.25">
      <c r="B511" s="1" t="s">
        <v>543</v>
      </c>
      <c r="C511" s="1">
        <v>2021</v>
      </c>
      <c r="D511" s="1" t="s">
        <v>546</v>
      </c>
      <c r="E511" s="4" t="s">
        <v>593</v>
      </c>
      <c r="F511" s="3">
        <v>0</v>
      </c>
      <c r="G511" s="3">
        <v>0</v>
      </c>
      <c r="H511" s="3">
        <v>0</v>
      </c>
    </row>
    <row r="512" spans="2:8" x14ac:dyDescent="0.25">
      <c r="B512" s="1" t="s">
        <v>526</v>
      </c>
      <c r="C512" s="1">
        <v>2021</v>
      </c>
      <c r="D512" s="1" t="s">
        <v>579</v>
      </c>
      <c r="E512" s="4" t="s">
        <v>593</v>
      </c>
      <c r="F512" s="3">
        <v>0</v>
      </c>
      <c r="G512" s="3">
        <v>0</v>
      </c>
      <c r="H512" s="3">
        <v>0</v>
      </c>
    </row>
    <row r="513" spans="2:8" x14ac:dyDescent="0.25">
      <c r="B513" s="1" t="s">
        <v>526</v>
      </c>
      <c r="C513" s="1">
        <v>2021</v>
      </c>
      <c r="D513" s="1" t="s">
        <v>509</v>
      </c>
      <c r="E513" s="4" t="s">
        <v>593</v>
      </c>
      <c r="F513" s="3">
        <v>166.36740542799558</v>
      </c>
      <c r="G513" s="3">
        <v>0</v>
      </c>
      <c r="H513" s="3" t="s">
        <v>525</v>
      </c>
    </row>
    <row r="514" spans="2:8" x14ac:dyDescent="0.25">
      <c r="B514" s="1" t="s">
        <v>526</v>
      </c>
      <c r="C514" s="1">
        <v>2021</v>
      </c>
      <c r="D514" s="1" t="s">
        <v>579</v>
      </c>
      <c r="E514" s="4" t="s">
        <v>593</v>
      </c>
      <c r="F514" s="3">
        <v>0</v>
      </c>
      <c r="G514" s="3">
        <v>0</v>
      </c>
      <c r="H514" s="3">
        <v>0</v>
      </c>
    </row>
    <row r="515" spans="2:8" x14ac:dyDescent="0.25">
      <c r="B515" s="1" t="s">
        <v>543</v>
      </c>
      <c r="C515" s="1">
        <v>2021</v>
      </c>
      <c r="D515" s="1" t="s">
        <v>550</v>
      </c>
      <c r="E515" s="4" t="s">
        <v>593</v>
      </c>
      <c r="F515" s="3">
        <v>0</v>
      </c>
      <c r="G515" s="3">
        <v>0</v>
      </c>
      <c r="H515" s="3">
        <v>0</v>
      </c>
    </row>
    <row r="516" spans="2:8" x14ac:dyDescent="0.25">
      <c r="B516" s="1" t="s">
        <v>526</v>
      </c>
      <c r="C516" s="1">
        <v>2021</v>
      </c>
      <c r="D516" s="1" t="s">
        <v>579</v>
      </c>
      <c r="E516" s="4" t="s">
        <v>593</v>
      </c>
      <c r="F516" s="3">
        <v>0</v>
      </c>
      <c r="G516" s="3">
        <v>0</v>
      </c>
      <c r="H516" s="3">
        <v>0</v>
      </c>
    </row>
    <row r="517" spans="2:8" x14ac:dyDescent="0.25">
      <c r="B517" s="1" t="s">
        <v>526</v>
      </c>
      <c r="C517" s="1">
        <v>2021</v>
      </c>
      <c r="D517" s="1" t="s">
        <v>507</v>
      </c>
      <c r="E517" s="4" t="s">
        <v>593</v>
      </c>
      <c r="F517" s="3">
        <v>194.50843458319034</v>
      </c>
      <c r="G517" s="3">
        <v>0</v>
      </c>
      <c r="H517" s="3" t="s">
        <v>525</v>
      </c>
    </row>
    <row r="518" spans="2:8" x14ac:dyDescent="0.25">
      <c r="B518" s="1" t="s">
        <v>526</v>
      </c>
      <c r="C518" s="1">
        <v>2021</v>
      </c>
      <c r="D518" s="1" t="s">
        <v>484</v>
      </c>
      <c r="E518" s="4" t="s">
        <v>593</v>
      </c>
      <c r="F518" s="3">
        <v>0</v>
      </c>
      <c r="G518" s="3">
        <v>0</v>
      </c>
      <c r="H518" s="3" t="s">
        <v>525</v>
      </c>
    </row>
    <row r="519" spans="2:8" x14ac:dyDescent="0.25">
      <c r="B519" s="1" t="s">
        <v>526</v>
      </c>
      <c r="C519" s="1">
        <v>2021</v>
      </c>
      <c r="D519" s="1" t="s">
        <v>484</v>
      </c>
      <c r="E519" s="4" t="s">
        <v>593</v>
      </c>
      <c r="F519" s="3">
        <v>0</v>
      </c>
      <c r="G519" s="3">
        <v>0</v>
      </c>
      <c r="H519" s="3" t="s">
        <v>525</v>
      </c>
    </row>
    <row r="520" spans="2:8" x14ac:dyDescent="0.25">
      <c r="B520" s="1" t="s">
        <v>543</v>
      </c>
      <c r="C520" s="1">
        <v>2021</v>
      </c>
      <c r="D520" s="1" t="s">
        <v>555</v>
      </c>
      <c r="E520" s="4" t="s">
        <v>593</v>
      </c>
      <c r="F520" s="3">
        <v>0</v>
      </c>
      <c r="G520" s="3">
        <v>0</v>
      </c>
      <c r="H520" s="3">
        <v>0</v>
      </c>
    </row>
    <row r="521" spans="2:8" x14ac:dyDescent="0.25">
      <c r="B521" s="1" t="s">
        <v>526</v>
      </c>
      <c r="C521" s="1">
        <v>2021</v>
      </c>
      <c r="D521" s="1" t="s">
        <v>511</v>
      </c>
      <c r="E521" s="4" t="s">
        <v>593</v>
      </c>
      <c r="F521" s="3">
        <v>61.060181289521942</v>
      </c>
      <c r="G521" s="3">
        <v>319.68681303414633</v>
      </c>
      <c r="H521" s="3" t="s">
        <v>525</v>
      </c>
    </row>
    <row r="522" spans="2:8" x14ac:dyDescent="0.25">
      <c r="B522" s="1" t="s">
        <v>526</v>
      </c>
      <c r="C522" s="1">
        <v>2021</v>
      </c>
      <c r="D522" s="1" t="s">
        <v>579</v>
      </c>
      <c r="E522" s="4" t="s">
        <v>593</v>
      </c>
      <c r="F522" s="3">
        <v>0</v>
      </c>
      <c r="G522" s="3">
        <v>0</v>
      </c>
      <c r="H522" s="3">
        <v>0</v>
      </c>
    </row>
    <row r="523" spans="2:8" x14ac:dyDescent="0.25">
      <c r="B523" s="1" t="s">
        <v>465</v>
      </c>
      <c r="C523" s="1">
        <v>2021</v>
      </c>
      <c r="D523" s="1" t="s">
        <v>451</v>
      </c>
      <c r="E523" s="4" t="s">
        <v>593</v>
      </c>
      <c r="F523" s="3">
        <v>0</v>
      </c>
      <c r="G523" s="3">
        <v>0</v>
      </c>
      <c r="H523" s="3">
        <v>0</v>
      </c>
    </row>
    <row r="524" spans="2:8" x14ac:dyDescent="0.25">
      <c r="B524" s="1" t="s">
        <v>526</v>
      </c>
      <c r="C524" s="1">
        <v>2021</v>
      </c>
      <c r="D524" s="1" t="s">
        <v>484</v>
      </c>
      <c r="E524" s="4" t="s">
        <v>593</v>
      </c>
      <c r="F524" s="3">
        <v>0</v>
      </c>
      <c r="G524" s="3">
        <v>0</v>
      </c>
      <c r="H524" s="3" t="s">
        <v>525</v>
      </c>
    </row>
    <row r="525" spans="2:8" x14ac:dyDescent="0.25">
      <c r="B525" s="1" t="s">
        <v>526</v>
      </c>
      <c r="C525" s="1">
        <v>2021</v>
      </c>
      <c r="D525" s="1" t="s">
        <v>579</v>
      </c>
      <c r="E525" s="4" t="s">
        <v>593</v>
      </c>
      <c r="F525" s="3">
        <v>0</v>
      </c>
      <c r="G525" s="3">
        <v>0</v>
      </c>
      <c r="H525" s="3">
        <v>0</v>
      </c>
    </row>
    <row r="526" spans="2:8" x14ac:dyDescent="0.25">
      <c r="B526" s="1" t="s">
        <v>526</v>
      </c>
      <c r="C526" s="1">
        <v>2021</v>
      </c>
      <c r="D526" s="1" t="s">
        <v>575</v>
      </c>
      <c r="E526" s="4" t="s">
        <v>593</v>
      </c>
      <c r="F526" s="3">
        <v>0</v>
      </c>
      <c r="G526" s="3">
        <v>0</v>
      </c>
      <c r="H526" s="3">
        <v>0</v>
      </c>
    </row>
    <row r="527" spans="2:8" x14ac:dyDescent="0.25">
      <c r="B527" s="1" t="s">
        <v>526</v>
      </c>
      <c r="C527" s="1">
        <v>2021</v>
      </c>
      <c r="D527" s="1" t="s">
        <v>509</v>
      </c>
      <c r="E527" s="4" t="s">
        <v>593</v>
      </c>
      <c r="F527" s="3">
        <v>68.711092072107007</v>
      </c>
      <c r="G527" s="3">
        <v>0</v>
      </c>
      <c r="H527" s="3" t="s">
        <v>525</v>
      </c>
    </row>
    <row r="528" spans="2:8" x14ac:dyDescent="0.25">
      <c r="B528" s="1" t="s">
        <v>543</v>
      </c>
      <c r="C528" s="1">
        <v>2021</v>
      </c>
      <c r="D528" s="1" t="s">
        <v>547</v>
      </c>
      <c r="E528" s="4" t="s">
        <v>593</v>
      </c>
      <c r="F528" s="3">
        <v>0</v>
      </c>
      <c r="G528" s="3">
        <v>0</v>
      </c>
      <c r="H528" s="3">
        <v>0</v>
      </c>
    </row>
    <row r="529" spans="2:8" x14ac:dyDescent="0.25">
      <c r="B529" s="1" t="s">
        <v>543</v>
      </c>
      <c r="C529" s="1">
        <v>2021</v>
      </c>
      <c r="D529" s="1" t="s">
        <v>537</v>
      </c>
      <c r="E529" s="4" t="s">
        <v>593</v>
      </c>
      <c r="F529" s="3">
        <v>0</v>
      </c>
      <c r="G529" s="3" t="s">
        <v>525</v>
      </c>
      <c r="H529" s="3">
        <v>0</v>
      </c>
    </row>
    <row r="530" spans="2:8" x14ac:dyDescent="0.25">
      <c r="B530" s="1" t="s">
        <v>465</v>
      </c>
      <c r="C530" s="1">
        <v>2021</v>
      </c>
      <c r="D530" s="1" t="s">
        <v>452</v>
      </c>
      <c r="E530" s="4" t="s">
        <v>593</v>
      </c>
      <c r="F530" s="3">
        <v>0</v>
      </c>
      <c r="G530" s="3">
        <v>0</v>
      </c>
      <c r="H530" s="3">
        <v>0</v>
      </c>
    </row>
    <row r="531" spans="2:8" x14ac:dyDescent="0.25">
      <c r="B531" s="1" t="s">
        <v>479</v>
      </c>
      <c r="C531" s="1">
        <v>2021</v>
      </c>
      <c r="D531" s="1" t="s">
        <v>476</v>
      </c>
      <c r="E531" s="4" t="s">
        <v>593</v>
      </c>
      <c r="F531" s="3">
        <v>0</v>
      </c>
      <c r="G531" s="3">
        <v>0</v>
      </c>
      <c r="H531" s="3">
        <v>0</v>
      </c>
    </row>
    <row r="532" spans="2:8" x14ac:dyDescent="0.25">
      <c r="B532" s="1" t="s">
        <v>526</v>
      </c>
      <c r="C532" s="1">
        <v>2021</v>
      </c>
      <c r="D532" s="1" t="s">
        <v>480</v>
      </c>
      <c r="E532" s="4" t="s">
        <v>593</v>
      </c>
      <c r="F532" s="3">
        <v>0</v>
      </c>
      <c r="G532" s="3">
        <v>0</v>
      </c>
      <c r="H532" s="3" t="s">
        <v>525</v>
      </c>
    </row>
    <row r="533" spans="2:8" x14ac:dyDescent="0.25">
      <c r="B533" s="1" t="s">
        <v>479</v>
      </c>
      <c r="C533" s="1">
        <v>2021</v>
      </c>
      <c r="D533" s="1" t="s">
        <v>471</v>
      </c>
      <c r="E533" s="4" t="s">
        <v>593</v>
      </c>
      <c r="F533" s="3">
        <v>0</v>
      </c>
      <c r="G533" s="3">
        <v>0</v>
      </c>
      <c r="H533" s="3">
        <v>0</v>
      </c>
    </row>
    <row r="534" spans="2:8" x14ac:dyDescent="0.25">
      <c r="B534" s="1" t="s">
        <v>526</v>
      </c>
      <c r="C534" s="1">
        <v>2021</v>
      </c>
      <c r="D534" s="1" t="s">
        <v>481</v>
      </c>
      <c r="E534" s="4" t="s">
        <v>593</v>
      </c>
      <c r="F534" s="3">
        <v>229.37930881453352</v>
      </c>
      <c r="G534" s="3">
        <v>403.4856917647059</v>
      </c>
      <c r="H534" s="3" t="s">
        <v>525</v>
      </c>
    </row>
    <row r="535" spans="2:8" x14ac:dyDescent="0.25">
      <c r="B535" s="1" t="s">
        <v>526</v>
      </c>
      <c r="C535" s="1">
        <v>2021</v>
      </c>
      <c r="D535" s="1" t="s">
        <v>505</v>
      </c>
      <c r="E535" s="4" t="s">
        <v>593</v>
      </c>
      <c r="F535" s="3">
        <v>0</v>
      </c>
      <c r="G535" s="3">
        <v>0</v>
      </c>
      <c r="H535" s="3" t="s">
        <v>525</v>
      </c>
    </row>
    <row r="536" spans="2:8" x14ac:dyDescent="0.25">
      <c r="B536" s="1" t="s">
        <v>526</v>
      </c>
      <c r="C536" s="1">
        <v>2021</v>
      </c>
      <c r="D536" s="1" t="s">
        <v>486</v>
      </c>
      <c r="E536" s="4" t="s">
        <v>593</v>
      </c>
      <c r="F536" s="3">
        <v>10.986133482180094</v>
      </c>
      <c r="G536" s="3">
        <v>0</v>
      </c>
      <c r="H536" s="3" t="s">
        <v>525</v>
      </c>
    </row>
    <row r="537" spans="2:8" x14ac:dyDescent="0.25">
      <c r="B537" s="1" t="s">
        <v>543</v>
      </c>
      <c r="C537" s="1">
        <v>2021</v>
      </c>
      <c r="D537" s="1" t="s">
        <v>548</v>
      </c>
      <c r="E537" s="4" t="s">
        <v>593</v>
      </c>
      <c r="F537" s="3">
        <v>0</v>
      </c>
      <c r="G537" s="3">
        <v>0</v>
      </c>
      <c r="H537" s="3">
        <v>0</v>
      </c>
    </row>
    <row r="538" spans="2:8" x14ac:dyDescent="0.25">
      <c r="B538" s="1" t="s">
        <v>543</v>
      </c>
      <c r="C538" s="1">
        <v>2021</v>
      </c>
      <c r="D538" s="1" t="s">
        <v>546</v>
      </c>
      <c r="E538" s="4" t="s">
        <v>593</v>
      </c>
      <c r="F538" s="3">
        <v>0</v>
      </c>
      <c r="G538" s="3">
        <v>0</v>
      </c>
      <c r="H538" s="3">
        <v>0</v>
      </c>
    </row>
    <row r="539" spans="2:8" x14ac:dyDescent="0.25">
      <c r="B539" s="1" t="s">
        <v>543</v>
      </c>
      <c r="C539" s="1">
        <v>2021</v>
      </c>
      <c r="D539" s="1" t="s">
        <v>531</v>
      </c>
      <c r="E539" s="4" t="s">
        <v>593</v>
      </c>
      <c r="F539" s="3">
        <v>0</v>
      </c>
      <c r="G539" s="3" t="s">
        <v>525</v>
      </c>
      <c r="H539" s="3">
        <v>0</v>
      </c>
    </row>
    <row r="540" spans="2:8" x14ac:dyDescent="0.25">
      <c r="B540" s="1" t="s">
        <v>543</v>
      </c>
      <c r="C540" s="1">
        <v>2021</v>
      </c>
      <c r="D540" s="1" t="s">
        <v>544</v>
      </c>
      <c r="E540" s="4" t="s">
        <v>593</v>
      </c>
      <c r="F540" s="3">
        <v>0</v>
      </c>
      <c r="G540" s="3">
        <v>27.53236735258583</v>
      </c>
      <c r="H540" s="3">
        <v>0</v>
      </c>
    </row>
    <row r="541" spans="2:8" x14ac:dyDescent="0.25">
      <c r="B541" s="1" t="s">
        <v>543</v>
      </c>
      <c r="C541" s="1">
        <v>2021</v>
      </c>
      <c r="D541" s="1" t="s">
        <v>546</v>
      </c>
      <c r="E541" s="4" t="s">
        <v>593</v>
      </c>
      <c r="F541" s="3">
        <v>0</v>
      </c>
      <c r="G541" s="3">
        <v>0</v>
      </c>
      <c r="H541" s="3">
        <v>0</v>
      </c>
    </row>
    <row r="542" spans="2:8" x14ac:dyDescent="0.25">
      <c r="B542" s="1" t="s">
        <v>543</v>
      </c>
      <c r="C542" s="1">
        <v>2021</v>
      </c>
      <c r="D542" s="1" t="s">
        <v>545</v>
      </c>
      <c r="E542" s="4" t="s">
        <v>593</v>
      </c>
      <c r="F542" s="3">
        <v>0</v>
      </c>
      <c r="G542" s="3">
        <v>0</v>
      </c>
      <c r="H542" s="3">
        <v>0</v>
      </c>
    </row>
    <row r="543" spans="2:8" x14ac:dyDescent="0.25">
      <c r="B543" s="1" t="s">
        <v>526</v>
      </c>
      <c r="C543" s="1">
        <v>2021</v>
      </c>
      <c r="D543" s="1" t="s">
        <v>485</v>
      </c>
      <c r="E543" s="4" t="s">
        <v>593</v>
      </c>
      <c r="F543" s="3">
        <v>37.152425251495785</v>
      </c>
      <c r="G543" s="3">
        <v>86.585632286661152</v>
      </c>
      <c r="H543" s="3" t="s">
        <v>525</v>
      </c>
    </row>
    <row r="544" spans="2:8" x14ac:dyDescent="0.25">
      <c r="B544" s="1" t="s">
        <v>543</v>
      </c>
      <c r="C544" s="1">
        <v>2021</v>
      </c>
      <c r="D544" s="1" t="s">
        <v>545</v>
      </c>
      <c r="E544" s="4" t="s">
        <v>593</v>
      </c>
      <c r="F544" s="3">
        <v>0</v>
      </c>
      <c r="G544" s="3">
        <v>0</v>
      </c>
      <c r="H544" s="3">
        <v>0</v>
      </c>
    </row>
    <row r="545" spans="2:8" x14ac:dyDescent="0.25">
      <c r="B545" s="1" t="s">
        <v>526</v>
      </c>
      <c r="C545" s="1">
        <v>2021</v>
      </c>
      <c r="D545" s="1" t="s">
        <v>490</v>
      </c>
      <c r="E545" s="4" t="s">
        <v>593</v>
      </c>
      <c r="F545" s="3">
        <v>0</v>
      </c>
      <c r="G545" s="3">
        <v>0</v>
      </c>
      <c r="H545" s="3" t="s">
        <v>525</v>
      </c>
    </row>
    <row r="546" spans="2:8" x14ac:dyDescent="0.25">
      <c r="B546" s="1" t="s">
        <v>479</v>
      </c>
      <c r="C546" s="1">
        <v>2021</v>
      </c>
      <c r="D546" s="1" t="s">
        <v>563</v>
      </c>
      <c r="E546" s="4" t="s">
        <v>593</v>
      </c>
      <c r="F546" s="3">
        <v>0</v>
      </c>
      <c r="G546" s="3">
        <v>0</v>
      </c>
      <c r="H546" s="3">
        <v>0</v>
      </c>
    </row>
    <row r="547" spans="2:8" x14ac:dyDescent="0.25">
      <c r="B547" s="1" t="s">
        <v>465</v>
      </c>
      <c r="C547" s="1">
        <v>2021</v>
      </c>
      <c r="D547" s="1" t="s">
        <v>457</v>
      </c>
      <c r="E547" s="4" t="s">
        <v>593</v>
      </c>
      <c r="F547" s="3">
        <v>0</v>
      </c>
      <c r="G547" s="3">
        <v>0</v>
      </c>
      <c r="H547" s="3">
        <v>0</v>
      </c>
    </row>
    <row r="548" spans="2:8" x14ac:dyDescent="0.25">
      <c r="B548" s="1" t="s">
        <v>543</v>
      </c>
      <c r="C548" s="1">
        <v>2020</v>
      </c>
      <c r="D548" s="1" t="s">
        <v>541</v>
      </c>
      <c r="E548" s="4" t="s">
        <v>596</v>
      </c>
      <c r="F548" s="3">
        <v>0</v>
      </c>
      <c r="G548" s="3" t="s">
        <v>525</v>
      </c>
      <c r="H548" s="3">
        <v>0</v>
      </c>
    </row>
    <row r="549" spans="2:8" x14ac:dyDescent="0.25">
      <c r="B549" s="1" t="s">
        <v>465</v>
      </c>
      <c r="C549" s="1">
        <v>2020</v>
      </c>
      <c r="D549" s="1" t="s">
        <v>455</v>
      </c>
      <c r="E549" s="4" t="s">
        <v>595</v>
      </c>
      <c r="F549" s="3">
        <v>3262.8409285196853</v>
      </c>
      <c r="G549" s="3">
        <v>0</v>
      </c>
      <c r="H549" s="3">
        <v>0</v>
      </c>
    </row>
    <row r="550" spans="2:8" x14ac:dyDescent="0.25">
      <c r="B550" s="1" t="s">
        <v>526</v>
      </c>
      <c r="C550" s="1">
        <v>2020</v>
      </c>
      <c r="D550" s="1" t="s">
        <v>487</v>
      </c>
      <c r="E550" s="4" t="s">
        <v>595</v>
      </c>
      <c r="F550" s="3">
        <v>0</v>
      </c>
      <c r="G550" s="3">
        <v>0</v>
      </c>
      <c r="H550" s="3">
        <v>0</v>
      </c>
    </row>
    <row r="551" spans="2:8" x14ac:dyDescent="0.25">
      <c r="B551" s="1" t="s">
        <v>479</v>
      </c>
      <c r="C551" s="1">
        <v>2020</v>
      </c>
      <c r="D551" s="1" t="s">
        <v>469</v>
      </c>
      <c r="E551" s="4" t="s">
        <v>595</v>
      </c>
      <c r="F551" s="3">
        <v>12.835199999999999</v>
      </c>
      <c r="G551" s="3">
        <v>0</v>
      </c>
      <c r="H551" s="3">
        <v>0</v>
      </c>
    </row>
    <row r="552" spans="2:8" x14ac:dyDescent="0.25">
      <c r="B552" s="1" t="s">
        <v>543</v>
      </c>
      <c r="C552" s="1">
        <v>2020</v>
      </c>
      <c r="D552" s="1" t="s">
        <v>534</v>
      </c>
      <c r="E552" s="4" t="s">
        <v>593</v>
      </c>
      <c r="F552" s="3">
        <v>69.230769230769226</v>
      </c>
      <c r="G552" s="3" t="s">
        <v>525</v>
      </c>
      <c r="H552" s="3">
        <v>519.23076923076928</v>
      </c>
    </row>
    <row r="553" spans="2:8" x14ac:dyDescent="0.25">
      <c r="B553" s="1" t="s">
        <v>526</v>
      </c>
      <c r="C553" s="1">
        <v>2020</v>
      </c>
      <c r="D553" s="1" t="s">
        <v>513</v>
      </c>
      <c r="E553" s="4" t="s">
        <v>593</v>
      </c>
      <c r="F553" s="3">
        <v>1786.2290440454469</v>
      </c>
      <c r="G553" s="3">
        <v>0</v>
      </c>
      <c r="H553" s="3" t="s">
        <v>525</v>
      </c>
    </row>
    <row r="554" spans="2:8" x14ac:dyDescent="0.25">
      <c r="B554" s="1" t="s">
        <v>526</v>
      </c>
      <c r="C554" s="1">
        <v>2020</v>
      </c>
      <c r="D554" s="1" t="s">
        <v>589</v>
      </c>
      <c r="E554" s="4" t="s">
        <v>593</v>
      </c>
      <c r="F554" s="3">
        <v>0</v>
      </c>
      <c r="G554" s="3">
        <v>0</v>
      </c>
      <c r="H554" s="3">
        <v>0</v>
      </c>
    </row>
    <row r="555" spans="2:8" x14ac:dyDescent="0.25">
      <c r="B555" s="1" t="s">
        <v>465</v>
      </c>
      <c r="C555" s="1">
        <v>2020</v>
      </c>
      <c r="D555" s="1" t="s">
        <v>454</v>
      </c>
      <c r="E555" s="4" t="s">
        <v>593</v>
      </c>
      <c r="F555" s="3">
        <v>0</v>
      </c>
      <c r="G555" s="3">
        <v>0</v>
      </c>
      <c r="H555" s="3">
        <v>0</v>
      </c>
    </row>
    <row r="556" spans="2:8" x14ac:dyDescent="0.25">
      <c r="B556" s="1" t="s">
        <v>526</v>
      </c>
      <c r="C556" s="1">
        <v>2020</v>
      </c>
      <c r="D556" s="1" t="s">
        <v>509</v>
      </c>
      <c r="E556" s="4" t="s">
        <v>593</v>
      </c>
      <c r="F556" s="3">
        <v>0</v>
      </c>
      <c r="G556" s="3">
        <v>0</v>
      </c>
      <c r="H556" s="3">
        <v>0</v>
      </c>
    </row>
    <row r="557" spans="2:8" x14ac:dyDescent="0.25">
      <c r="B557" s="1" t="s">
        <v>479</v>
      </c>
      <c r="C557" s="1">
        <v>2020</v>
      </c>
      <c r="D557" s="1" t="s">
        <v>468</v>
      </c>
      <c r="E557" s="4" t="s">
        <v>593</v>
      </c>
      <c r="F557" s="3">
        <v>0.24065999999999999</v>
      </c>
      <c r="G557" s="3">
        <v>0</v>
      </c>
      <c r="H557" s="3">
        <v>0</v>
      </c>
    </row>
    <row r="558" spans="2:8" x14ac:dyDescent="0.25">
      <c r="B558" s="1" t="s">
        <v>543</v>
      </c>
      <c r="C558" s="1">
        <v>2020</v>
      </c>
      <c r="D558" s="1" t="s">
        <v>538</v>
      </c>
      <c r="E558" s="4" t="s">
        <v>593</v>
      </c>
      <c r="F558" s="3">
        <v>0</v>
      </c>
      <c r="G558" s="3" t="s">
        <v>525</v>
      </c>
      <c r="H558" s="3">
        <v>0</v>
      </c>
    </row>
    <row r="559" spans="2:8" x14ac:dyDescent="0.25">
      <c r="B559" s="1" t="s">
        <v>479</v>
      </c>
      <c r="C559" s="1">
        <v>2020</v>
      </c>
      <c r="D559" s="1" t="s">
        <v>476</v>
      </c>
      <c r="E559" s="4" t="s">
        <v>593</v>
      </c>
      <c r="F559" s="3">
        <v>0</v>
      </c>
      <c r="G559" s="3">
        <v>0</v>
      </c>
      <c r="H559" s="3">
        <v>0</v>
      </c>
    </row>
    <row r="560" spans="2:8" x14ac:dyDescent="0.25">
      <c r="B560" s="1" t="s">
        <v>526</v>
      </c>
      <c r="C560" s="1">
        <v>2020</v>
      </c>
      <c r="D560" s="1" t="s">
        <v>586</v>
      </c>
      <c r="E560" s="4" t="s">
        <v>593</v>
      </c>
      <c r="F560" s="3">
        <v>0</v>
      </c>
      <c r="G560" s="3">
        <v>0</v>
      </c>
      <c r="H560" s="3">
        <v>0</v>
      </c>
    </row>
    <row r="561" spans="2:8" x14ac:dyDescent="0.25">
      <c r="B561" s="1" t="s">
        <v>465</v>
      </c>
      <c r="C561" s="1">
        <v>2020</v>
      </c>
      <c r="D561" s="1" t="s">
        <v>452</v>
      </c>
      <c r="E561" s="4" t="s">
        <v>593</v>
      </c>
      <c r="F561" s="3">
        <v>0</v>
      </c>
      <c r="G561" s="3">
        <v>0</v>
      </c>
      <c r="H561" s="3">
        <v>0</v>
      </c>
    </row>
    <row r="562" spans="2:8" x14ac:dyDescent="0.25">
      <c r="B562" s="1" t="s">
        <v>526</v>
      </c>
      <c r="C562" s="1">
        <v>2020</v>
      </c>
      <c r="D562" s="1" t="s">
        <v>487</v>
      </c>
      <c r="E562" s="4" t="s">
        <v>593</v>
      </c>
      <c r="F562" s="3">
        <v>0</v>
      </c>
      <c r="G562" s="3">
        <v>0</v>
      </c>
      <c r="H562" s="3">
        <v>0</v>
      </c>
    </row>
    <row r="563" spans="2:8" x14ac:dyDescent="0.25">
      <c r="B563" s="1" t="s">
        <v>465</v>
      </c>
      <c r="C563" s="1">
        <v>2020</v>
      </c>
      <c r="D563" s="1" t="s">
        <v>453</v>
      </c>
      <c r="E563" s="4" t="s">
        <v>593</v>
      </c>
      <c r="F563" s="3">
        <v>0</v>
      </c>
      <c r="G563" s="3">
        <v>0</v>
      </c>
      <c r="H563" s="3">
        <v>0</v>
      </c>
    </row>
    <row r="564" spans="2:8" x14ac:dyDescent="0.25">
      <c r="B564" s="1" t="s">
        <v>465</v>
      </c>
      <c r="C564" s="1">
        <v>2020</v>
      </c>
      <c r="D564" s="1" t="s">
        <v>452</v>
      </c>
      <c r="E564" s="4" t="s">
        <v>593</v>
      </c>
      <c r="F564" s="3">
        <v>0</v>
      </c>
      <c r="G564" s="3">
        <v>0</v>
      </c>
      <c r="H564" s="3">
        <v>0</v>
      </c>
    </row>
    <row r="565" spans="2:8" x14ac:dyDescent="0.25">
      <c r="B565" s="1" t="s">
        <v>479</v>
      </c>
      <c r="C565" s="1">
        <v>2020</v>
      </c>
      <c r="D565" s="1" t="s">
        <v>471</v>
      </c>
      <c r="E565" s="4" t="s">
        <v>593</v>
      </c>
      <c r="F565" s="3">
        <v>0</v>
      </c>
      <c r="G565" s="3">
        <v>0</v>
      </c>
      <c r="H565" s="3">
        <v>0</v>
      </c>
    </row>
    <row r="566" spans="2:8" x14ac:dyDescent="0.25">
      <c r="B566" s="1" t="s">
        <v>465</v>
      </c>
      <c r="C566" s="1">
        <v>2020</v>
      </c>
      <c r="D566" s="1" t="s">
        <v>452</v>
      </c>
      <c r="E566" s="4" t="s">
        <v>593</v>
      </c>
      <c r="F566" s="3">
        <v>0</v>
      </c>
      <c r="G566" s="3">
        <v>0</v>
      </c>
      <c r="H566" s="3">
        <v>0</v>
      </c>
    </row>
    <row r="567" spans="2:8" x14ac:dyDescent="0.25">
      <c r="B567" s="1" t="s">
        <v>526</v>
      </c>
      <c r="C567" s="1">
        <v>2020</v>
      </c>
      <c r="D567" s="1" t="s">
        <v>127</v>
      </c>
      <c r="E567" s="4" t="s">
        <v>593</v>
      </c>
      <c r="F567" s="3">
        <v>0</v>
      </c>
      <c r="G567" s="3">
        <v>0</v>
      </c>
      <c r="H567" s="3">
        <v>0</v>
      </c>
    </row>
    <row r="568" spans="2:8" x14ac:dyDescent="0.25">
      <c r="B568" s="1" t="s">
        <v>526</v>
      </c>
      <c r="C568" s="1">
        <v>2020</v>
      </c>
      <c r="D568" s="1" t="s">
        <v>225</v>
      </c>
      <c r="E568" s="4" t="s">
        <v>593</v>
      </c>
      <c r="F568" s="3">
        <v>0</v>
      </c>
      <c r="G568" s="3">
        <v>0</v>
      </c>
      <c r="H568" s="3">
        <v>0</v>
      </c>
    </row>
    <row r="569" spans="2:8" x14ac:dyDescent="0.25">
      <c r="B569" s="1" t="s">
        <v>479</v>
      </c>
      <c r="C569" s="1">
        <v>2020</v>
      </c>
      <c r="D569" s="6" t="s">
        <v>475</v>
      </c>
      <c r="E569" s="4" t="s">
        <v>593</v>
      </c>
      <c r="F569" s="3">
        <v>22.791470641220002</v>
      </c>
      <c r="G569" s="3">
        <v>119.32707142</v>
      </c>
      <c r="H569" s="3">
        <v>0</v>
      </c>
    </row>
    <row r="570" spans="2:8" x14ac:dyDescent="0.25">
      <c r="B570" s="1" t="s">
        <v>526</v>
      </c>
      <c r="C570" s="1">
        <v>2020</v>
      </c>
      <c r="D570" s="1" t="s">
        <v>569</v>
      </c>
      <c r="E570" s="4" t="s">
        <v>593</v>
      </c>
      <c r="F570" s="3">
        <v>0</v>
      </c>
      <c r="G570" s="3">
        <v>0</v>
      </c>
      <c r="H570" s="3">
        <v>0</v>
      </c>
    </row>
    <row r="571" spans="2:8" x14ac:dyDescent="0.25">
      <c r="B571" s="1" t="s">
        <v>479</v>
      </c>
      <c r="C571" s="1">
        <v>2020</v>
      </c>
      <c r="D571" s="1" t="s">
        <v>474</v>
      </c>
      <c r="E571" s="4" t="s">
        <v>593</v>
      </c>
      <c r="F571" s="3">
        <v>0</v>
      </c>
      <c r="G571" s="3">
        <v>0</v>
      </c>
      <c r="H571" s="3">
        <v>0</v>
      </c>
    </row>
    <row r="572" spans="2:8" x14ac:dyDescent="0.25">
      <c r="B572" s="1" t="s">
        <v>526</v>
      </c>
      <c r="C572" s="1">
        <v>2020</v>
      </c>
      <c r="D572" s="1" t="s">
        <v>8</v>
      </c>
      <c r="E572" s="4" t="s">
        <v>593</v>
      </c>
      <c r="F572" s="3">
        <v>0</v>
      </c>
      <c r="G572" s="3">
        <v>0</v>
      </c>
      <c r="H572" s="3">
        <v>0</v>
      </c>
    </row>
    <row r="573" spans="2:8" x14ac:dyDescent="0.25">
      <c r="B573" s="1" t="s">
        <v>465</v>
      </c>
      <c r="C573" s="1">
        <v>2020</v>
      </c>
      <c r="D573" s="1" t="s">
        <v>456</v>
      </c>
      <c r="E573" s="4" t="s">
        <v>593</v>
      </c>
      <c r="F573" s="3">
        <v>0</v>
      </c>
      <c r="G573" s="3">
        <v>0</v>
      </c>
      <c r="H573" s="3">
        <v>0</v>
      </c>
    </row>
    <row r="574" spans="2:8" x14ac:dyDescent="0.25">
      <c r="B574" s="1" t="s">
        <v>543</v>
      </c>
      <c r="C574" s="1">
        <v>2020</v>
      </c>
      <c r="D574" s="1" t="s">
        <v>562</v>
      </c>
      <c r="E574" s="4" t="s">
        <v>593</v>
      </c>
      <c r="F574" s="3">
        <v>0</v>
      </c>
      <c r="G574" s="3">
        <v>0</v>
      </c>
      <c r="H574" s="3">
        <v>0</v>
      </c>
    </row>
    <row r="575" spans="2:8" x14ac:dyDescent="0.25">
      <c r="B575" s="1" t="s">
        <v>543</v>
      </c>
      <c r="C575" s="1">
        <v>2020</v>
      </c>
      <c r="D575" s="1" t="s">
        <v>562</v>
      </c>
      <c r="E575" s="4" t="s">
        <v>593</v>
      </c>
      <c r="F575" s="3">
        <v>0</v>
      </c>
      <c r="G575" s="3">
        <v>0</v>
      </c>
      <c r="H575" s="3">
        <v>0</v>
      </c>
    </row>
    <row r="576" spans="2:8" x14ac:dyDescent="0.25">
      <c r="B576" s="1" t="s">
        <v>543</v>
      </c>
      <c r="C576" s="1">
        <v>2020</v>
      </c>
      <c r="D576" s="1" t="s">
        <v>562</v>
      </c>
      <c r="E576" s="4" t="s">
        <v>593</v>
      </c>
      <c r="F576" s="3">
        <v>0</v>
      </c>
      <c r="G576" s="3">
        <v>0</v>
      </c>
      <c r="H576" s="3">
        <v>0</v>
      </c>
    </row>
    <row r="577" spans="2:8" x14ac:dyDescent="0.25">
      <c r="B577" s="1" t="s">
        <v>526</v>
      </c>
      <c r="C577" s="1">
        <v>2019</v>
      </c>
      <c r="D577" s="6" t="s">
        <v>484</v>
      </c>
      <c r="E577" s="4" t="s">
        <v>596</v>
      </c>
      <c r="F577" s="3">
        <v>0</v>
      </c>
      <c r="G577" s="3">
        <v>0</v>
      </c>
      <c r="H577" s="3">
        <v>0</v>
      </c>
    </row>
    <row r="578" spans="2:8" x14ac:dyDescent="0.25">
      <c r="B578" s="1" t="s">
        <v>526</v>
      </c>
      <c r="C578" s="1">
        <v>2019</v>
      </c>
      <c r="D578" s="1" t="s">
        <v>504</v>
      </c>
      <c r="E578" s="4" t="s">
        <v>596</v>
      </c>
      <c r="F578" s="3">
        <v>0</v>
      </c>
      <c r="G578" s="3">
        <v>0</v>
      </c>
      <c r="H578" s="3">
        <v>0</v>
      </c>
    </row>
    <row r="579" spans="2:8" x14ac:dyDescent="0.25">
      <c r="B579" s="1" t="s">
        <v>526</v>
      </c>
      <c r="C579" s="1">
        <v>2019</v>
      </c>
      <c r="D579" s="6" t="s">
        <v>567</v>
      </c>
      <c r="E579" s="4" t="s">
        <v>593</v>
      </c>
      <c r="F579" s="3">
        <v>0</v>
      </c>
      <c r="G579" s="3">
        <v>0</v>
      </c>
      <c r="H579" s="3">
        <v>0</v>
      </c>
    </row>
    <row r="580" spans="2:8" x14ac:dyDescent="0.25">
      <c r="B580" s="1" t="s">
        <v>479</v>
      </c>
      <c r="C580" s="1">
        <v>2019</v>
      </c>
      <c r="D580" s="1" t="s">
        <v>563</v>
      </c>
      <c r="E580" s="4" t="s">
        <v>593</v>
      </c>
      <c r="F580" s="3">
        <v>0</v>
      </c>
      <c r="G580" s="3">
        <v>0</v>
      </c>
      <c r="H580" s="3">
        <v>0</v>
      </c>
    </row>
    <row r="581" spans="2:8" x14ac:dyDescent="0.25">
      <c r="B581" s="1" t="s">
        <v>526</v>
      </c>
      <c r="C581" s="1">
        <v>2019</v>
      </c>
      <c r="D581" s="6" t="s">
        <v>504</v>
      </c>
      <c r="E581" s="4" t="s">
        <v>593</v>
      </c>
      <c r="F581" s="3">
        <v>0</v>
      </c>
      <c r="G581" s="3">
        <v>0</v>
      </c>
      <c r="H581" s="3">
        <v>0</v>
      </c>
    </row>
    <row r="582" spans="2:8" x14ac:dyDescent="0.25">
      <c r="B582" s="1" t="s">
        <v>526</v>
      </c>
      <c r="C582" s="1">
        <v>2019</v>
      </c>
      <c r="D582" s="1" t="s">
        <v>585</v>
      </c>
      <c r="E582" s="4" t="s">
        <v>593</v>
      </c>
      <c r="F582" s="3">
        <v>0</v>
      </c>
      <c r="G582" s="3">
        <v>0</v>
      </c>
      <c r="H582" s="3">
        <v>0</v>
      </c>
    </row>
    <row r="583" spans="2:8" x14ac:dyDescent="0.25">
      <c r="B583" s="1" t="s">
        <v>526</v>
      </c>
      <c r="C583" s="1">
        <v>2019</v>
      </c>
      <c r="D583" s="1" t="s">
        <v>567</v>
      </c>
      <c r="E583" s="4" t="s">
        <v>593</v>
      </c>
      <c r="F583" s="3">
        <v>0</v>
      </c>
      <c r="G583" s="3">
        <v>0</v>
      </c>
      <c r="H583" s="3">
        <v>0</v>
      </c>
    </row>
    <row r="584" spans="2:8" x14ac:dyDescent="0.25">
      <c r="B584" s="1" t="s">
        <v>526</v>
      </c>
      <c r="C584" s="1">
        <v>2019</v>
      </c>
      <c r="D584" s="1" t="s">
        <v>504</v>
      </c>
      <c r="E584" s="4" t="s">
        <v>593</v>
      </c>
      <c r="F584" s="3">
        <v>0</v>
      </c>
      <c r="G584" s="3">
        <v>0</v>
      </c>
      <c r="H584" s="3">
        <v>0</v>
      </c>
    </row>
    <row r="585" spans="2:8" x14ac:dyDescent="0.25">
      <c r="B585" s="1" t="s">
        <v>530</v>
      </c>
      <c r="C585" s="1">
        <v>2019</v>
      </c>
      <c r="D585" s="1" t="s">
        <v>584</v>
      </c>
      <c r="E585" s="4" t="s">
        <v>593</v>
      </c>
      <c r="F585" s="3">
        <v>0</v>
      </c>
      <c r="G585" s="3">
        <v>0</v>
      </c>
      <c r="H585" s="3">
        <v>0</v>
      </c>
    </row>
    <row r="586" spans="2:8" x14ac:dyDescent="0.25">
      <c r="B586" s="1" t="s">
        <v>526</v>
      </c>
      <c r="C586" s="1">
        <v>2019</v>
      </c>
      <c r="D586" s="1" t="s">
        <v>565</v>
      </c>
      <c r="E586" s="4" t="s">
        <v>593</v>
      </c>
      <c r="F586" s="3">
        <v>0</v>
      </c>
      <c r="G586" s="3">
        <v>0</v>
      </c>
      <c r="H586" s="3">
        <v>0</v>
      </c>
    </row>
    <row r="587" spans="2:8" x14ac:dyDescent="0.25">
      <c r="B587" s="1" t="s">
        <v>526</v>
      </c>
      <c r="C587" s="1">
        <v>2019</v>
      </c>
      <c r="D587" s="1" t="s">
        <v>576</v>
      </c>
      <c r="E587" s="4" t="s">
        <v>593</v>
      </c>
      <c r="F587" s="3">
        <v>0</v>
      </c>
      <c r="G587" s="3">
        <v>0</v>
      </c>
      <c r="H587" s="3">
        <v>0</v>
      </c>
    </row>
    <row r="588" spans="2:8" x14ac:dyDescent="0.25">
      <c r="B588" s="1" t="s">
        <v>526</v>
      </c>
      <c r="C588" s="1">
        <v>2019</v>
      </c>
      <c r="D588" s="6" t="s">
        <v>575</v>
      </c>
      <c r="E588" s="4" t="s">
        <v>593</v>
      </c>
      <c r="F588" s="3">
        <v>0</v>
      </c>
      <c r="G588" s="3">
        <v>0</v>
      </c>
      <c r="H588" s="3">
        <v>0</v>
      </c>
    </row>
    <row r="589" spans="2:8" x14ac:dyDescent="0.25">
      <c r="B589" s="1" t="s">
        <v>526</v>
      </c>
      <c r="C589" s="1">
        <v>2019</v>
      </c>
      <c r="D589" s="1" t="s">
        <v>573</v>
      </c>
      <c r="E589" s="4" t="s">
        <v>593</v>
      </c>
      <c r="F589" s="3">
        <v>0</v>
      </c>
      <c r="G589" s="3">
        <v>0</v>
      </c>
      <c r="H589" s="3">
        <v>0</v>
      </c>
    </row>
    <row r="590" spans="2:8" x14ac:dyDescent="0.25">
      <c r="B590" s="1" t="s">
        <v>479</v>
      </c>
      <c r="C590" s="1">
        <v>2019</v>
      </c>
      <c r="D590" s="1" t="s">
        <v>477</v>
      </c>
      <c r="E590" s="4" t="s">
        <v>593</v>
      </c>
      <c r="F590" s="3">
        <v>0</v>
      </c>
      <c r="G590" s="3">
        <v>0</v>
      </c>
      <c r="H590" s="3">
        <v>0</v>
      </c>
    </row>
    <row r="591" spans="2:8" x14ac:dyDescent="0.25">
      <c r="B591" s="1" t="s">
        <v>543</v>
      </c>
      <c r="C591" s="1">
        <v>2019</v>
      </c>
      <c r="D591" s="1" t="s">
        <v>538</v>
      </c>
      <c r="E591" s="4" t="s">
        <v>593</v>
      </c>
      <c r="F591" s="3">
        <v>0</v>
      </c>
      <c r="G591" s="3" t="s">
        <v>525</v>
      </c>
      <c r="H591" s="3">
        <v>0</v>
      </c>
    </row>
    <row r="592" spans="2:8" x14ac:dyDescent="0.25">
      <c r="B592" s="1" t="s">
        <v>479</v>
      </c>
      <c r="C592" s="1">
        <v>2019</v>
      </c>
      <c r="D592" s="1" t="s">
        <v>563</v>
      </c>
      <c r="E592" s="4" t="s">
        <v>593</v>
      </c>
      <c r="F592" s="3">
        <v>0</v>
      </c>
      <c r="G592" s="3">
        <v>0</v>
      </c>
      <c r="H592" s="3">
        <v>0</v>
      </c>
    </row>
    <row r="593" spans="2:8" x14ac:dyDescent="0.25">
      <c r="B593" s="1" t="s">
        <v>526</v>
      </c>
      <c r="C593" s="1">
        <v>2019</v>
      </c>
      <c r="D593" s="6" t="s">
        <v>565</v>
      </c>
      <c r="E593" s="4" t="s">
        <v>593</v>
      </c>
      <c r="F593" s="3">
        <v>0</v>
      </c>
      <c r="G593" s="3">
        <v>0</v>
      </c>
      <c r="H593" s="3">
        <v>0</v>
      </c>
    </row>
    <row r="594" spans="2:8" x14ac:dyDescent="0.25">
      <c r="B594" s="1" t="s">
        <v>526</v>
      </c>
      <c r="C594" s="1">
        <v>2019</v>
      </c>
      <c r="D594" s="6" t="s">
        <v>566</v>
      </c>
      <c r="E594" s="4" t="s">
        <v>593</v>
      </c>
      <c r="F594" s="3">
        <v>0</v>
      </c>
      <c r="G594" s="3">
        <v>0</v>
      </c>
      <c r="H594" s="3">
        <v>0</v>
      </c>
    </row>
    <row r="595" spans="2:8" x14ac:dyDescent="0.25">
      <c r="B595" s="1" t="s">
        <v>479</v>
      </c>
      <c r="C595" s="1">
        <v>2019</v>
      </c>
      <c r="D595" s="6" t="s">
        <v>563</v>
      </c>
      <c r="E595" s="4" t="s">
        <v>593</v>
      </c>
      <c r="F595" s="3">
        <v>0</v>
      </c>
      <c r="G595" s="3">
        <v>0</v>
      </c>
      <c r="H595" s="3">
        <v>0</v>
      </c>
    </row>
    <row r="596" spans="2:8" x14ac:dyDescent="0.25">
      <c r="B596" s="1" t="s">
        <v>526</v>
      </c>
      <c r="C596" s="1">
        <v>2019</v>
      </c>
      <c r="D596" s="6" t="s">
        <v>487</v>
      </c>
      <c r="E596" s="4" t="s">
        <v>593</v>
      </c>
      <c r="F596" s="3">
        <v>0</v>
      </c>
      <c r="G596" s="3">
        <v>0</v>
      </c>
      <c r="H596" s="3">
        <v>0</v>
      </c>
    </row>
    <row r="597" spans="2:8" x14ac:dyDescent="0.25">
      <c r="B597" s="1" t="s">
        <v>526</v>
      </c>
      <c r="C597" s="1">
        <v>2019</v>
      </c>
      <c r="D597" s="1" t="s">
        <v>565</v>
      </c>
      <c r="E597" s="4" t="s">
        <v>593</v>
      </c>
      <c r="F597" s="3">
        <v>0</v>
      </c>
      <c r="G597" s="3">
        <v>0</v>
      </c>
      <c r="H597" s="3">
        <v>0</v>
      </c>
    </row>
    <row r="598" spans="2:8" x14ac:dyDescent="0.25">
      <c r="B598" s="1" t="s">
        <v>543</v>
      </c>
      <c r="C598" s="1">
        <v>2019</v>
      </c>
      <c r="D598" s="1" t="s">
        <v>562</v>
      </c>
      <c r="E598" s="4" t="s">
        <v>593</v>
      </c>
      <c r="F598" s="3">
        <v>0</v>
      </c>
      <c r="G598" s="3">
        <v>0</v>
      </c>
      <c r="H598" s="3">
        <v>0</v>
      </c>
    </row>
    <row r="599" spans="2:8" x14ac:dyDescent="0.25">
      <c r="B599" s="1" t="s">
        <v>479</v>
      </c>
      <c r="C599" s="1">
        <v>2019</v>
      </c>
      <c r="D599" s="1" t="s">
        <v>560</v>
      </c>
      <c r="E599" s="4" t="s">
        <v>593</v>
      </c>
      <c r="F599" s="3">
        <v>0</v>
      </c>
      <c r="G599" s="3">
        <v>0</v>
      </c>
      <c r="H599" s="3">
        <v>0</v>
      </c>
    </row>
    <row r="600" spans="2:8" x14ac:dyDescent="0.25">
      <c r="B600" s="1" t="s">
        <v>526</v>
      </c>
      <c r="C600" s="1">
        <v>2018</v>
      </c>
      <c r="D600" s="1" t="s">
        <v>590</v>
      </c>
      <c r="E600" s="4" t="s">
        <v>595</v>
      </c>
      <c r="F600" s="3">
        <v>0</v>
      </c>
      <c r="G600" s="3">
        <v>0</v>
      </c>
      <c r="H600" s="3">
        <v>0</v>
      </c>
    </row>
    <row r="601" spans="2:8" x14ac:dyDescent="0.25">
      <c r="B601" s="1" t="s">
        <v>479</v>
      </c>
      <c r="C601" s="1">
        <v>2018</v>
      </c>
      <c r="D601" s="1" t="s">
        <v>563</v>
      </c>
      <c r="E601" s="4" t="s">
        <v>593</v>
      </c>
      <c r="F601" s="3">
        <v>0</v>
      </c>
      <c r="G601" s="3">
        <v>0</v>
      </c>
      <c r="H601" s="3">
        <v>0</v>
      </c>
    </row>
    <row r="602" spans="2:8" x14ac:dyDescent="0.25">
      <c r="B602" s="1" t="s">
        <v>526</v>
      </c>
      <c r="C602" s="1">
        <v>2018</v>
      </c>
      <c r="D602" s="1" t="s">
        <v>512</v>
      </c>
      <c r="E602" s="4" t="s">
        <v>593</v>
      </c>
      <c r="F602" s="3">
        <v>0</v>
      </c>
      <c r="G602" s="3">
        <v>0</v>
      </c>
      <c r="H602" s="3">
        <v>0</v>
      </c>
    </row>
    <row r="603" spans="2:8" x14ac:dyDescent="0.25">
      <c r="B603" s="1" t="s">
        <v>465</v>
      </c>
      <c r="C603" s="1">
        <v>2018</v>
      </c>
      <c r="D603" s="1" t="s">
        <v>451</v>
      </c>
      <c r="E603" s="4" t="s">
        <v>593</v>
      </c>
      <c r="F603" s="3">
        <v>0</v>
      </c>
      <c r="G603" s="3">
        <v>0</v>
      </c>
      <c r="H603" s="3">
        <v>0</v>
      </c>
    </row>
    <row r="604" spans="2:8" x14ac:dyDescent="0.25">
      <c r="B604" s="1" t="s">
        <v>530</v>
      </c>
      <c r="C604" s="1">
        <v>2018</v>
      </c>
      <c r="D604" s="1" t="s">
        <v>570</v>
      </c>
      <c r="E604" s="4" t="s">
        <v>593</v>
      </c>
      <c r="F604" s="3">
        <v>0</v>
      </c>
      <c r="G604" s="3">
        <v>0</v>
      </c>
      <c r="H604" s="3">
        <v>0</v>
      </c>
    </row>
    <row r="605" spans="2:8" x14ac:dyDescent="0.25">
      <c r="B605" s="1" t="s">
        <v>526</v>
      </c>
      <c r="C605" s="1">
        <v>2018</v>
      </c>
      <c r="D605" s="1" t="s">
        <v>487</v>
      </c>
      <c r="E605" s="4" t="s">
        <v>593</v>
      </c>
      <c r="F605" s="3">
        <v>0</v>
      </c>
      <c r="G605" s="3">
        <v>0</v>
      </c>
      <c r="H605" s="3">
        <v>0</v>
      </c>
    </row>
    <row r="606" spans="2:8" x14ac:dyDescent="0.25">
      <c r="B606" s="1" t="s">
        <v>526</v>
      </c>
      <c r="C606" s="1">
        <v>2018</v>
      </c>
      <c r="D606" s="1" t="s">
        <v>565</v>
      </c>
      <c r="E606" s="4" t="s">
        <v>593</v>
      </c>
      <c r="F606" s="3">
        <v>0</v>
      </c>
      <c r="G606" s="3">
        <v>0</v>
      </c>
      <c r="H606" s="3">
        <v>0</v>
      </c>
    </row>
    <row r="607" spans="2:8" x14ac:dyDescent="0.25">
      <c r="B607" s="1" t="s">
        <v>526</v>
      </c>
      <c r="C607" s="1">
        <v>2018</v>
      </c>
      <c r="D607" s="1" t="s">
        <v>567</v>
      </c>
      <c r="E607" s="4" t="s">
        <v>593</v>
      </c>
      <c r="F607" s="3">
        <v>0</v>
      </c>
      <c r="G607" s="3">
        <v>0</v>
      </c>
      <c r="H607" s="3">
        <v>0</v>
      </c>
    </row>
    <row r="608" spans="2:8" x14ac:dyDescent="0.25">
      <c r="B608" s="1" t="s">
        <v>526</v>
      </c>
      <c r="C608" s="1">
        <v>2018</v>
      </c>
      <c r="D608" s="1" t="s">
        <v>583</v>
      </c>
      <c r="E608" s="4" t="s">
        <v>593</v>
      </c>
      <c r="F608" s="3">
        <v>0</v>
      </c>
      <c r="G608" s="3">
        <v>0</v>
      </c>
      <c r="H608" s="3">
        <v>0</v>
      </c>
    </row>
    <row r="609" spans="2:8" x14ac:dyDescent="0.25">
      <c r="B609" s="1" t="s">
        <v>526</v>
      </c>
      <c r="C609" s="1">
        <v>2018</v>
      </c>
      <c r="D609" s="1" t="s">
        <v>567</v>
      </c>
      <c r="E609" s="4" t="s">
        <v>593</v>
      </c>
      <c r="F609" s="3">
        <v>0</v>
      </c>
      <c r="G609" s="3">
        <v>0</v>
      </c>
      <c r="H609" s="3">
        <v>0</v>
      </c>
    </row>
    <row r="610" spans="2:8" x14ac:dyDescent="0.25">
      <c r="B610" s="1" t="s">
        <v>530</v>
      </c>
      <c r="C610" s="1">
        <v>2018</v>
      </c>
      <c r="D610" s="1" t="s">
        <v>570</v>
      </c>
      <c r="E610" s="4" t="s">
        <v>593</v>
      </c>
      <c r="F610" s="3">
        <v>0</v>
      </c>
      <c r="G610" s="3">
        <v>0</v>
      </c>
      <c r="H610" s="3">
        <v>0</v>
      </c>
    </row>
    <row r="611" spans="2:8" x14ac:dyDescent="0.25">
      <c r="B611" s="1" t="s">
        <v>526</v>
      </c>
      <c r="C611" s="1">
        <v>2018</v>
      </c>
      <c r="D611" s="6" t="s">
        <v>580</v>
      </c>
      <c r="E611" s="4" t="s">
        <v>593</v>
      </c>
      <c r="F611" s="3">
        <v>0</v>
      </c>
      <c r="G611" s="3">
        <v>0</v>
      </c>
      <c r="H611" s="3">
        <v>0</v>
      </c>
    </row>
    <row r="612" spans="2:8" x14ac:dyDescent="0.25">
      <c r="B612" s="1" t="s">
        <v>526</v>
      </c>
      <c r="C612" s="1">
        <v>2018</v>
      </c>
      <c r="D612" s="1" t="s">
        <v>577</v>
      </c>
      <c r="E612" s="4" t="s">
        <v>593</v>
      </c>
      <c r="F612" s="3">
        <v>0</v>
      </c>
      <c r="G612" s="3">
        <v>0</v>
      </c>
      <c r="H612" s="3">
        <v>0</v>
      </c>
    </row>
    <row r="613" spans="2:8" x14ac:dyDescent="0.25">
      <c r="B613" s="1" t="s">
        <v>530</v>
      </c>
      <c r="C613" s="1">
        <v>2018</v>
      </c>
      <c r="D613" s="1" t="s">
        <v>582</v>
      </c>
      <c r="E613" s="4" t="s">
        <v>593</v>
      </c>
      <c r="F613" s="3">
        <v>0</v>
      </c>
      <c r="G613" s="3">
        <v>0</v>
      </c>
      <c r="H613" s="3">
        <v>0</v>
      </c>
    </row>
    <row r="614" spans="2:8" x14ac:dyDescent="0.25">
      <c r="B614" s="1" t="s">
        <v>526</v>
      </c>
      <c r="C614" s="1">
        <v>2018</v>
      </c>
      <c r="D614" s="1" t="s">
        <v>487</v>
      </c>
      <c r="E614" s="4" t="s">
        <v>593</v>
      </c>
      <c r="F614" s="3">
        <v>0</v>
      </c>
      <c r="G614" s="3">
        <v>0</v>
      </c>
      <c r="H614" s="3">
        <v>0</v>
      </c>
    </row>
    <row r="615" spans="2:8" x14ac:dyDescent="0.25">
      <c r="B615" s="1" t="s">
        <v>543</v>
      </c>
      <c r="C615" s="1">
        <v>2018</v>
      </c>
      <c r="D615" s="1" t="s">
        <v>571</v>
      </c>
      <c r="E615" s="4" t="s">
        <v>593</v>
      </c>
      <c r="F615" s="3">
        <v>0</v>
      </c>
      <c r="G615" s="3">
        <v>0</v>
      </c>
      <c r="H615" s="3">
        <v>0</v>
      </c>
    </row>
    <row r="616" spans="2:8" x14ac:dyDescent="0.25">
      <c r="B616" s="1" t="s">
        <v>530</v>
      </c>
      <c r="C616" s="1">
        <v>2018</v>
      </c>
      <c r="D616" s="1" t="s">
        <v>570</v>
      </c>
      <c r="E616" s="4" t="s">
        <v>593</v>
      </c>
      <c r="F616" s="3">
        <v>0</v>
      </c>
      <c r="G616" s="3">
        <v>0</v>
      </c>
      <c r="H616" s="3">
        <v>0</v>
      </c>
    </row>
    <row r="617" spans="2:8" x14ac:dyDescent="0.25">
      <c r="B617" s="1" t="s">
        <v>530</v>
      </c>
      <c r="C617" s="1">
        <v>2018</v>
      </c>
      <c r="D617" s="1" t="s">
        <v>304</v>
      </c>
      <c r="E617" s="4" t="s">
        <v>593</v>
      </c>
      <c r="F617" s="3">
        <v>0</v>
      </c>
      <c r="G617" s="3">
        <v>0</v>
      </c>
      <c r="H617" s="3">
        <v>0</v>
      </c>
    </row>
    <row r="618" spans="2:8" x14ac:dyDescent="0.25">
      <c r="B618" s="1" t="s">
        <v>543</v>
      </c>
      <c r="C618" s="1">
        <v>2018</v>
      </c>
      <c r="D618" s="1" t="s">
        <v>152</v>
      </c>
      <c r="E618" s="4" t="s">
        <v>593</v>
      </c>
      <c r="F618" s="3">
        <v>0</v>
      </c>
      <c r="G618" s="3">
        <v>0</v>
      </c>
      <c r="H618" s="3">
        <v>0</v>
      </c>
    </row>
    <row r="619" spans="2:8" x14ac:dyDescent="0.25">
      <c r="B619" s="1" t="s">
        <v>479</v>
      </c>
      <c r="C619" s="1">
        <v>2018</v>
      </c>
      <c r="D619" s="1" t="s">
        <v>563</v>
      </c>
      <c r="E619" s="4" t="s">
        <v>593</v>
      </c>
      <c r="F619" s="3">
        <v>0</v>
      </c>
      <c r="G619" s="3">
        <v>0</v>
      </c>
      <c r="H619" s="3">
        <v>0</v>
      </c>
    </row>
    <row r="620" spans="2:8" x14ac:dyDescent="0.25">
      <c r="B620" s="1" t="s">
        <v>479</v>
      </c>
      <c r="C620" s="1">
        <v>2018</v>
      </c>
      <c r="D620" s="1" t="s">
        <v>563</v>
      </c>
      <c r="E620" s="4" t="s">
        <v>593</v>
      </c>
      <c r="F620" s="3">
        <v>0</v>
      </c>
      <c r="G620" s="3">
        <v>0</v>
      </c>
      <c r="H620" s="3">
        <v>0</v>
      </c>
    </row>
    <row r="621" spans="2:8" x14ac:dyDescent="0.25">
      <c r="B621" s="1" t="s">
        <v>526</v>
      </c>
      <c r="C621" s="1">
        <v>2017</v>
      </c>
      <c r="D621" s="1" t="s">
        <v>591</v>
      </c>
      <c r="E621" s="4" t="s">
        <v>596</v>
      </c>
      <c r="F621" s="3">
        <v>0</v>
      </c>
      <c r="G621" s="3">
        <v>0</v>
      </c>
      <c r="H621" s="3">
        <v>0</v>
      </c>
    </row>
    <row r="622" spans="2:8" x14ac:dyDescent="0.25">
      <c r="B622" s="1" t="s">
        <v>526</v>
      </c>
      <c r="C622" s="1">
        <v>2017</v>
      </c>
      <c r="D622" s="1" t="s">
        <v>588</v>
      </c>
      <c r="E622" s="4" t="s">
        <v>593</v>
      </c>
      <c r="F622" s="3">
        <v>0</v>
      </c>
      <c r="G622" s="3">
        <v>0</v>
      </c>
      <c r="H622" s="3">
        <v>0</v>
      </c>
    </row>
    <row r="623" spans="2:8" x14ac:dyDescent="0.25">
      <c r="B623" s="1" t="s">
        <v>526</v>
      </c>
      <c r="C623" s="1">
        <v>2017</v>
      </c>
      <c r="D623" s="1" t="s">
        <v>581</v>
      </c>
      <c r="E623" s="4" t="s">
        <v>593</v>
      </c>
      <c r="F623" s="3">
        <v>0</v>
      </c>
      <c r="G623" s="3">
        <v>0</v>
      </c>
      <c r="H623" s="3">
        <v>0</v>
      </c>
    </row>
    <row r="624" spans="2:8" x14ac:dyDescent="0.25">
      <c r="B624" s="1" t="s">
        <v>543</v>
      </c>
      <c r="C624" s="1">
        <v>2017</v>
      </c>
      <c r="D624" s="1" t="s">
        <v>192</v>
      </c>
      <c r="E624" s="4" t="s">
        <v>593</v>
      </c>
      <c r="F624" s="3">
        <v>0</v>
      </c>
      <c r="G624" s="3">
        <v>0</v>
      </c>
      <c r="H624" s="3">
        <v>0</v>
      </c>
    </row>
    <row r="625" spans="2:8" x14ac:dyDescent="0.25">
      <c r="B625" s="1" t="s">
        <v>526</v>
      </c>
      <c r="C625" s="1">
        <v>2017</v>
      </c>
      <c r="D625" s="1" t="s">
        <v>578</v>
      </c>
      <c r="E625" s="4" t="s">
        <v>593</v>
      </c>
      <c r="F625" s="3">
        <v>0</v>
      </c>
      <c r="G625" s="3">
        <v>0</v>
      </c>
      <c r="H625" s="3">
        <v>0</v>
      </c>
    </row>
    <row r="626" spans="2:8" x14ac:dyDescent="0.25">
      <c r="B626" s="1" t="s">
        <v>526</v>
      </c>
      <c r="C626" s="1">
        <v>2017</v>
      </c>
      <c r="D626" s="1" t="s">
        <v>574</v>
      </c>
      <c r="E626" s="4" t="s">
        <v>593</v>
      </c>
      <c r="F626" s="3">
        <v>0</v>
      </c>
      <c r="G626" s="3">
        <v>0</v>
      </c>
      <c r="H626" s="3">
        <v>0</v>
      </c>
    </row>
    <row r="627" spans="2:8" x14ac:dyDescent="0.25">
      <c r="B627" s="1" t="s">
        <v>543</v>
      </c>
      <c r="C627" s="1">
        <v>2017</v>
      </c>
      <c r="D627" s="1" t="s">
        <v>214</v>
      </c>
      <c r="E627" s="4" t="s">
        <v>593</v>
      </c>
      <c r="F627" s="3">
        <v>0</v>
      </c>
      <c r="G627" s="3">
        <v>0</v>
      </c>
      <c r="H627" s="3">
        <v>0</v>
      </c>
    </row>
    <row r="628" spans="2:8" x14ac:dyDescent="0.25">
      <c r="B628" s="1" t="s">
        <v>526</v>
      </c>
      <c r="C628" s="1">
        <v>2017</v>
      </c>
      <c r="D628" s="1" t="s">
        <v>572</v>
      </c>
      <c r="E628" s="4" t="s">
        <v>593</v>
      </c>
      <c r="F628" s="3">
        <v>0</v>
      </c>
      <c r="G628" s="3">
        <v>0</v>
      </c>
      <c r="H628" s="3">
        <v>0</v>
      </c>
    </row>
    <row r="629" spans="2:8" x14ac:dyDescent="0.25">
      <c r="B629" s="1" t="s">
        <v>526</v>
      </c>
      <c r="C629" s="1">
        <v>2017</v>
      </c>
      <c r="D629" s="1" t="s">
        <v>568</v>
      </c>
      <c r="E629" s="4" t="s">
        <v>593</v>
      </c>
      <c r="F629" s="3">
        <v>0</v>
      </c>
      <c r="G629" s="3">
        <v>0</v>
      </c>
      <c r="H629" s="3">
        <v>0</v>
      </c>
    </row>
    <row r="630" spans="2:8" x14ac:dyDescent="0.25">
      <c r="B630" s="1" t="s">
        <v>479</v>
      </c>
      <c r="C630" s="1">
        <v>2017</v>
      </c>
      <c r="D630" s="1" t="s">
        <v>563</v>
      </c>
      <c r="E630" s="4" t="s">
        <v>593</v>
      </c>
      <c r="F630" s="3">
        <v>0</v>
      </c>
      <c r="G630" s="3">
        <v>0</v>
      </c>
      <c r="H630" s="3">
        <v>0</v>
      </c>
    </row>
    <row r="631" spans="2:8" x14ac:dyDescent="0.25">
      <c r="B631" s="1" t="s">
        <v>526</v>
      </c>
      <c r="C631" s="1">
        <v>2017</v>
      </c>
      <c r="D631" s="1" t="s">
        <v>567</v>
      </c>
      <c r="E631" s="4" t="s">
        <v>593</v>
      </c>
      <c r="F631" s="3">
        <v>0</v>
      </c>
      <c r="G631" s="3">
        <v>0</v>
      </c>
      <c r="H631" s="3">
        <v>0</v>
      </c>
    </row>
    <row r="632" spans="2:8" x14ac:dyDescent="0.25">
      <c r="B632" s="1" t="s">
        <v>543</v>
      </c>
      <c r="C632" s="1">
        <v>2017</v>
      </c>
      <c r="D632" s="1" t="s">
        <v>546</v>
      </c>
      <c r="E632" s="4" t="s">
        <v>593</v>
      </c>
      <c r="F632" s="3">
        <v>0</v>
      </c>
      <c r="G632" s="3">
        <v>0</v>
      </c>
      <c r="H632" s="3">
        <v>0</v>
      </c>
    </row>
    <row r="633" spans="2:8" x14ac:dyDescent="0.25">
      <c r="B633" s="1" t="s">
        <v>543</v>
      </c>
      <c r="C633" s="1">
        <v>2017</v>
      </c>
      <c r="D633" s="1" t="s">
        <v>564</v>
      </c>
      <c r="E633" s="4" t="s">
        <v>593</v>
      </c>
      <c r="F633" s="3">
        <v>0</v>
      </c>
      <c r="G633" s="3">
        <v>0</v>
      </c>
      <c r="H633" s="3">
        <v>0</v>
      </c>
    </row>
    <row r="634" spans="2:8" x14ac:dyDescent="0.25">
      <c r="B634" s="1" t="s">
        <v>543</v>
      </c>
      <c r="C634" s="1">
        <v>2017</v>
      </c>
      <c r="D634" s="1" t="s">
        <v>192</v>
      </c>
      <c r="E634" s="4" t="s">
        <v>593</v>
      </c>
      <c r="F634" s="3">
        <v>0</v>
      </c>
      <c r="G634" s="3">
        <v>0</v>
      </c>
      <c r="H634" s="3">
        <v>0</v>
      </c>
    </row>
    <row r="635" spans="2:8" x14ac:dyDescent="0.25">
      <c r="B635" s="1" t="s">
        <v>543</v>
      </c>
      <c r="C635" s="1">
        <v>2017</v>
      </c>
      <c r="D635" s="1" t="s">
        <v>561</v>
      </c>
      <c r="E635" s="4" t="s">
        <v>593</v>
      </c>
      <c r="F635" s="3">
        <v>0</v>
      </c>
      <c r="G635" s="3">
        <v>0</v>
      </c>
      <c r="H635" s="3">
        <v>0</v>
      </c>
    </row>
    <row r="636" spans="2:8" x14ac:dyDescent="0.25">
      <c r="B636" s="1" t="s">
        <v>526</v>
      </c>
      <c r="C636" s="1">
        <v>2016</v>
      </c>
      <c r="D636" s="1" t="s">
        <v>504</v>
      </c>
      <c r="E636" s="4" t="s">
        <v>595</v>
      </c>
      <c r="F636" s="3">
        <v>0</v>
      </c>
      <c r="G636" s="3">
        <v>0</v>
      </c>
      <c r="H636" s="3">
        <v>0</v>
      </c>
    </row>
    <row r="637" spans="2:8" x14ac:dyDescent="0.25">
      <c r="B637" s="1" t="s">
        <v>526</v>
      </c>
      <c r="C637" s="1">
        <v>2016</v>
      </c>
      <c r="D637" s="1" t="s">
        <v>518</v>
      </c>
      <c r="E637" s="4" t="s">
        <v>593</v>
      </c>
      <c r="F637" s="3">
        <v>200.17267753761908</v>
      </c>
      <c r="G637" s="3">
        <v>0</v>
      </c>
      <c r="H637" s="3">
        <v>2104.1884001890512</v>
      </c>
    </row>
    <row r="638" spans="2:8" x14ac:dyDescent="0.25">
      <c r="B638" s="1" t="s">
        <v>543</v>
      </c>
      <c r="C638" s="1">
        <v>2016</v>
      </c>
      <c r="D638" s="1" t="s">
        <v>587</v>
      </c>
      <c r="E638" s="4" t="s">
        <v>593</v>
      </c>
      <c r="F638" s="3">
        <v>0</v>
      </c>
      <c r="G638" s="3">
        <v>0</v>
      </c>
      <c r="H638" s="3">
        <v>0</v>
      </c>
    </row>
  </sheetData>
  <sheetProtection sheet="1" objects="1" scenarios="1"/>
  <pageMargins left="0.7" right="0.7" top="0.75" bottom="0.75" header="0.3" footer="0.3"/>
  <pageSetup orientation="portrait" r:id="rId1"/>
  <drawing r:id="rId2"/>
  <tableParts count="1">
    <tablePart r:id="rId3"/>
  </tableParts>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060CF47-7F41-4050-948D-D0479E5A07B2}">
  <dimension ref="B1:F559"/>
  <sheetViews>
    <sheetView workbookViewId="0">
      <pane xSplit="2" ySplit="2" topLeftCell="C3" activePane="bottomRight" state="frozen"/>
      <selection pane="topRight" activeCell="C1" sqref="C1"/>
      <selection pane="bottomLeft" activeCell="A3" sqref="A3"/>
      <selection pane="bottomRight" activeCell="M19" sqref="M19"/>
    </sheetView>
  </sheetViews>
  <sheetFormatPr defaultRowHeight="15" x14ac:dyDescent="0.25"/>
  <cols>
    <col min="1" max="1" width="3.5703125" style="1" customWidth="1"/>
    <col min="2" max="2" width="35.140625" style="1" customWidth="1"/>
    <col min="3" max="3" width="20.7109375" style="1" customWidth="1"/>
    <col min="4" max="4" width="41.7109375" style="1" customWidth="1"/>
    <col min="5" max="5" width="21.7109375" style="7" customWidth="1"/>
    <col min="6" max="6" width="39.28515625" style="3" bestFit="1" customWidth="1"/>
    <col min="7" max="7" width="9.140625" style="1"/>
    <col min="8" max="8" width="10.140625" style="1" bestFit="1" customWidth="1"/>
    <col min="9" max="16384" width="9.140625" style="1"/>
  </cols>
  <sheetData>
    <row r="1" spans="2:6" ht="68.25" customHeight="1" x14ac:dyDescent="0.25"/>
    <row r="2" spans="2:6" ht="22.5" x14ac:dyDescent="0.25">
      <c r="B2" s="8" t="s">
        <v>441</v>
      </c>
      <c r="C2" s="8" t="s">
        <v>442</v>
      </c>
      <c r="D2" s="8" t="s">
        <v>443</v>
      </c>
      <c r="E2" s="9" t="s">
        <v>592</v>
      </c>
      <c r="F2" s="9" t="s">
        <v>444</v>
      </c>
    </row>
    <row r="3" spans="2:6" x14ac:dyDescent="0.25">
      <c r="B3" s="1" t="s">
        <v>445</v>
      </c>
      <c r="C3" s="1">
        <v>2021</v>
      </c>
      <c r="D3" s="1" t="s">
        <v>23</v>
      </c>
      <c r="E3" s="3" t="s">
        <v>593</v>
      </c>
      <c r="F3" s="3">
        <v>103.91317798679999</v>
      </c>
    </row>
    <row r="4" spans="2:6" x14ac:dyDescent="0.25">
      <c r="B4" s="1" t="s">
        <v>445</v>
      </c>
      <c r="C4" s="1">
        <v>2021</v>
      </c>
      <c r="D4" s="1" t="s">
        <v>24</v>
      </c>
      <c r="E4" s="3" t="s">
        <v>595</v>
      </c>
      <c r="F4" s="3">
        <v>15130.705394190873</v>
      </c>
    </row>
    <row r="5" spans="2:6" x14ac:dyDescent="0.25">
      <c r="B5" s="1" t="s">
        <v>445</v>
      </c>
      <c r="C5" s="1">
        <v>2021</v>
      </c>
      <c r="D5" s="1" t="s">
        <v>25</v>
      </c>
      <c r="E5" s="3" t="s">
        <v>594</v>
      </c>
      <c r="F5" s="3">
        <v>57822.85714371378</v>
      </c>
    </row>
    <row r="6" spans="2:6" x14ac:dyDescent="0.25">
      <c r="B6" s="1" t="s">
        <v>445</v>
      </c>
      <c r="C6" s="1">
        <v>2021</v>
      </c>
      <c r="D6" s="1" t="s">
        <v>37</v>
      </c>
      <c r="E6" s="3" t="s">
        <v>593</v>
      </c>
      <c r="F6" s="3">
        <v>711.88967083333341</v>
      </c>
    </row>
    <row r="7" spans="2:6" x14ac:dyDescent="0.25">
      <c r="B7" s="1" t="s">
        <v>445</v>
      </c>
      <c r="C7" s="1">
        <v>2021</v>
      </c>
      <c r="D7" s="1" t="s">
        <v>41</v>
      </c>
      <c r="E7" s="3" t="s">
        <v>593</v>
      </c>
      <c r="F7" s="3">
        <v>2132.4170854987428</v>
      </c>
    </row>
    <row r="8" spans="2:6" x14ac:dyDescent="0.25">
      <c r="B8" s="1" t="s">
        <v>445</v>
      </c>
      <c r="C8" s="1">
        <v>2021</v>
      </c>
      <c r="D8" s="1" t="s">
        <v>70</v>
      </c>
      <c r="E8" s="3" t="s">
        <v>593</v>
      </c>
      <c r="F8" s="3">
        <v>575.74636744164332</v>
      </c>
    </row>
    <row r="9" spans="2:6" x14ac:dyDescent="0.25">
      <c r="B9" s="1" t="s">
        <v>446</v>
      </c>
      <c r="C9" s="1">
        <v>2021</v>
      </c>
      <c r="D9" s="1" t="s">
        <v>98</v>
      </c>
      <c r="E9" s="3" t="s">
        <v>593</v>
      </c>
      <c r="F9" s="3">
        <v>51.057327398411957</v>
      </c>
    </row>
    <row r="10" spans="2:6" x14ac:dyDescent="0.25">
      <c r="B10" s="1" t="s">
        <v>445</v>
      </c>
      <c r="C10" s="1">
        <v>2021</v>
      </c>
      <c r="D10" s="1" t="s">
        <v>107</v>
      </c>
      <c r="E10" s="3" t="s">
        <v>593</v>
      </c>
      <c r="F10" s="3">
        <v>27.368300468965515</v>
      </c>
    </row>
    <row r="11" spans="2:6" x14ac:dyDescent="0.25">
      <c r="B11" s="1" t="s">
        <v>445</v>
      </c>
      <c r="C11" s="1">
        <v>2021</v>
      </c>
      <c r="D11" s="1" t="s">
        <v>119</v>
      </c>
      <c r="E11" s="3" t="s">
        <v>593</v>
      </c>
      <c r="F11" s="3">
        <v>164.19445662209677</v>
      </c>
    </row>
    <row r="12" spans="2:6" x14ac:dyDescent="0.25">
      <c r="B12" s="1" t="s">
        <v>445</v>
      </c>
      <c r="C12" s="1">
        <v>2021</v>
      </c>
      <c r="D12" s="1" t="s">
        <v>120</v>
      </c>
      <c r="E12" s="3" t="s">
        <v>593</v>
      </c>
      <c r="F12" s="3">
        <v>10.492329018181817</v>
      </c>
    </row>
    <row r="13" spans="2:6" x14ac:dyDescent="0.25">
      <c r="B13" s="1" t="s">
        <v>445</v>
      </c>
      <c r="C13" s="1">
        <v>2021</v>
      </c>
      <c r="D13" s="1" t="s">
        <v>123</v>
      </c>
      <c r="E13" s="3" t="s">
        <v>593</v>
      </c>
      <c r="F13" s="3">
        <v>35.7710407034632</v>
      </c>
    </row>
    <row r="14" spans="2:6" x14ac:dyDescent="0.25">
      <c r="B14" s="1" t="s">
        <v>445</v>
      </c>
      <c r="C14" s="1">
        <v>2021</v>
      </c>
      <c r="D14" s="1" t="s">
        <v>124</v>
      </c>
      <c r="E14" s="3" t="s">
        <v>593</v>
      </c>
      <c r="F14" s="3">
        <v>11.258178036796537</v>
      </c>
    </row>
    <row r="15" spans="2:6" x14ac:dyDescent="0.25">
      <c r="B15" s="1" t="s">
        <v>445</v>
      </c>
      <c r="C15" s="1">
        <v>2021</v>
      </c>
      <c r="D15" s="1" t="s">
        <v>138</v>
      </c>
      <c r="E15" s="3" t="s">
        <v>593</v>
      </c>
      <c r="F15" s="3">
        <v>1.4731016976000002</v>
      </c>
    </row>
    <row r="16" spans="2:6" x14ac:dyDescent="0.25">
      <c r="B16" s="1" t="s">
        <v>448</v>
      </c>
      <c r="C16" s="1">
        <v>2021</v>
      </c>
      <c r="D16" s="1" t="s">
        <v>156</v>
      </c>
      <c r="E16" s="3" t="s">
        <v>593</v>
      </c>
      <c r="F16" s="3">
        <v>0</v>
      </c>
    </row>
    <row r="17" spans="2:6" x14ac:dyDescent="0.25">
      <c r="B17" s="1" t="s">
        <v>448</v>
      </c>
      <c r="C17" s="1">
        <v>2021</v>
      </c>
      <c r="D17" s="1" t="s">
        <v>160</v>
      </c>
      <c r="E17" s="3" t="s">
        <v>593</v>
      </c>
      <c r="F17" s="3">
        <v>0</v>
      </c>
    </row>
    <row r="18" spans="2:6" x14ac:dyDescent="0.25">
      <c r="B18" s="1" t="s">
        <v>448</v>
      </c>
      <c r="C18" s="1">
        <v>2021</v>
      </c>
      <c r="D18" s="1" t="s">
        <v>177</v>
      </c>
      <c r="E18" s="3" t="s">
        <v>593</v>
      </c>
      <c r="F18" s="3">
        <v>0</v>
      </c>
    </row>
    <row r="19" spans="2:6" x14ac:dyDescent="0.25">
      <c r="B19" s="1" t="s">
        <v>448</v>
      </c>
      <c r="C19" s="1">
        <v>2021</v>
      </c>
      <c r="D19" s="1" t="s">
        <v>178</v>
      </c>
      <c r="E19" s="3" t="s">
        <v>593</v>
      </c>
      <c r="F19" s="3">
        <v>0</v>
      </c>
    </row>
    <row r="20" spans="2:6" x14ac:dyDescent="0.25">
      <c r="B20" s="1" t="s">
        <v>448</v>
      </c>
      <c r="C20" s="1">
        <v>2021</v>
      </c>
      <c r="D20" s="1" t="s">
        <v>188</v>
      </c>
      <c r="E20" s="3" t="s">
        <v>593</v>
      </c>
      <c r="F20" s="3">
        <v>0</v>
      </c>
    </row>
    <row r="21" spans="2:6" x14ac:dyDescent="0.25">
      <c r="B21" s="1" t="s">
        <v>448</v>
      </c>
      <c r="C21" s="1">
        <v>2021</v>
      </c>
      <c r="D21" s="1" t="s">
        <v>193</v>
      </c>
      <c r="E21" s="3" t="s">
        <v>593</v>
      </c>
      <c r="F21" s="3">
        <v>0</v>
      </c>
    </row>
    <row r="22" spans="2:6" x14ac:dyDescent="0.25">
      <c r="B22" s="1" t="s">
        <v>448</v>
      </c>
      <c r="C22" s="1">
        <v>2021</v>
      </c>
      <c r="D22" s="1" t="s">
        <v>205</v>
      </c>
      <c r="E22" s="3" t="s">
        <v>593</v>
      </c>
      <c r="F22" s="3">
        <v>0</v>
      </c>
    </row>
    <row r="23" spans="2:6" x14ac:dyDescent="0.25">
      <c r="B23" s="1" t="s">
        <v>448</v>
      </c>
      <c r="C23" s="1">
        <v>2021</v>
      </c>
      <c r="D23" s="1" t="s">
        <v>206</v>
      </c>
      <c r="E23" s="3" t="s">
        <v>593</v>
      </c>
      <c r="F23" s="3">
        <v>0</v>
      </c>
    </row>
    <row r="24" spans="2:6" x14ac:dyDescent="0.25">
      <c r="B24" s="1" t="s">
        <v>448</v>
      </c>
      <c r="C24" s="1">
        <v>2021</v>
      </c>
      <c r="D24" s="1" t="s">
        <v>207</v>
      </c>
      <c r="E24" s="3" t="s">
        <v>593</v>
      </c>
      <c r="F24" s="3">
        <v>0</v>
      </c>
    </row>
    <row r="25" spans="2:6" x14ac:dyDescent="0.25">
      <c r="B25" s="1" t="s">
        <v>448</v>
      </c>
      <c r="C25" s="1">
        <v>2021</v>
      </c>
      <c r="D25" s="1" t="s">
        <v>238</v>
      </c>
      <c r="E25" s="3" t="s">
        <v>593</v>
      </c>
      <c r="F25" s="3">
        <v>0</v>
      </c>
    </row>
    <row r="26" spans="2:6" x14ac:dyDescent="0.25">
      <c r="B26" s="1" t="s">
        <v>448</v>
      </c>
      <c r="C26" s="1">
        <v>2021</v>
      </c>
      <c r="D26" s="1" t="s">
        <v>240</v>
      </c>
      <c r="E26" s="3" t="s">
        <v>593</v>
      </c>
      <c r="F26" s="3">
        <v>0</v>
      </c>
    </row>
    <row r="27" spans="2:6" x14ac:dyDescent="0.25">
      <c r="B27" s="1" t="s">
        <v>445</v>
      </c>
      <c r="C27" s="1">
        <v>2021</v>
      </c>
      <c r="D27" s="1" t="s">
        <v>247</v>
      </c>
      <c r="E27" s="3" t="s">
        <v>593</v>
      </c>
      <c r="F27" s="3">
        <v>0</v>
      </c>
    </row>
    <row r="28" spans="2:6" x14ac:dyDescent="0.25">
      <c r="B28" s="1" t="s">
        <v>445</v>
      </c>
      <c r="C28" s="1">
        <v>2021</v>
      </c>
      <c r="D28" s="1" t="s">
        <v>249</v>
      </c>
      <c r="E28" s="3" t="s">
        <v>593</v>
      </c>
      <c r="F28" s="3">
        <v>0</v>
      </c>
    </row>
    <row r="29" spans="2:6" x14ac:dyDescent="0.25">
      <c r="B29" s="1" t="s">
        <v>448</v>
      </c>
      <c r="C29" s="1">
        <v>2021</v>
      </c>
      <c r="D29" s="1" t="s">
        <v>251</v>
      </c>
      <c r="E29" s="3" t="s">
        <v>593</v>
      </c>
      <c r="F29" s="3">
        <v>0</v>
      </c>
    </row>
    <row r="30" spans="2:6" x14ac:dyDescent="0.25">
      <c r="B30" s="1" t="s">
        <v>448</v>
      </c>
      <c r="C30" s="1">
        <v>2021</v>
      </c>
      <c r="D30" s="1" t="s">
        <v>254</v>
      </c>
      <c r="E30" s="3" t="s">
        <v>593</v>
      </c>
      <c r="F30" s="3">
        <v>0</v>
      </c>
    </row>
    <row r="31" spans="2:6" x14ac:dyDescent="0.25">
      <c r="B31" s="1" t="s">
        <v>445</v>
      </c>
      <c r="C31" s="1">
        <v>2021</v>
      </c>
      <c r="D31" s="1" t="s">
        <v>264</v>
      </c>
      <c r="E31" s="3" t="s">
        <v>593</v>
      </c>
      <c r="F31" s="3">
        <v>0</v>
      </c>
    </row>
    <row r="32" spans="2:6" x14ac:dyDescent="0.25">
      <c r="B32" s="1" t="s">
        <v>448</v>
      </c>
      <c r="C32" s="1">
        <v>2021</v>
      </c>
      <c r="D32" s="1" t="s">
        <v>277</v>
      </c>
      <c r="E32" s="3" t="s">
        <v>593</v>
      </c>
      <c r="F32" s="3">
        <v>0</v>
      </c>
    </row>
    <row r="33" spans="2:6" x14ac:dyDescent="0.25">
      <c r="B33" s="1" t="s">
        <v>448</v>
      </c>
      <c r="C33" s="1">
        <v>2021</v>
      </c>
      <c r="D33" s="1" t="s">
        <v>282</v>
      </c>
      <c r="E33" s="3" t="s">
        <v>593</v>
      </c>
      <c r="F33" s="3">
        <v>0</v>
      </c>
    </row>
    <row r="34" spans="2:6" x14ac:dyDescent="0.25">
      <c r="B34" s="1" t="s">
        <v>448</v>
      </c>
      <c r="C34" s="1">
        <v>2021</v>
      </c>
      <c r="D34" s="1" t="s">
        <v>309</v>
      </c>
      <c r="E34" s="3" t="s">
        <v>593</v>
      </c>
      <c r="F34" s="3">
        <v>0</v>
      </c>
    </row>
    <row r="35" spans="2:6" x14ac:dyDescent="0.25">
      <c r="B35" s="1" t="s">
        <v>445</v>
      </c>
      <c r="C35" s="1">
        <v>2021</v>
      </c>
      <c r="D35" s="1" t="s">
        <v>319</v>
      </c>
      <c r="E35" s="3" t="s">
        <v>593</v>
      </c>
      <c r="F35" s="3">
        <v>0</v>
      </c>
    </row>
    <row r="36" spans="2:6" x14ac:dyDescent="0.25">
      <c r="B36" s="1" t="s">
        <v>448</v>
      </c>
      <c r="C36" s="1">
        <v>2021</v>
      </c>
      <c r="D36" s="1" t="s">
        <v>321</v>
      </c>
      <c r="E36" s="3" t="s">
        <v>593</v>
      </c>
      <c r="F36" s="3">
        <v>0</v>
      </c>
    </row>
    <row r="37" spans="2:6" x14ac:dyDescent="0.25">
      <c r="B37" s="1" t="s">
        <v>448</v>
      </c>
      <c r="C37" s="1">
        <v>2021</v>
      </c>
      <c r="D37" s="1" t="s">
        <v>329</v>
      </c>
      <c r="E37" s="3" t="s">
        <v>593</v>
      </c>
      <c r="F37" s="3">
        <v>0</v>
      </c>
    </row>
    <row r="38" spans="2:6" x14ac:dyDescent="0.25">
      <c r="B38" s="1" t="s">
        <v>448</v>
      </c>
      <c r="C38" s="1">
        <v>2021</v>
      </c>
      <c r="D38" s="1" t="s">
        <v>332</v>
      </c>
      <c r="E38" s="3" t="s">
        <v>593</v>
      </c>
      <c r="F38" s="3">
        <v>0</v>
      </c>
    </row>
    <row r="39" spans="2:6" x14ac:dyDescent="0.25">
      <c r="B39" s="1" t="s">
        <v>448</v>
      </c>
      <c r="C39" s="1">
        <v>2021</v>
      </c>
      <c r="D39" s="1" t="s">
        <v>338</v>
      </c>
      <c r="E39" s="3" t="s">
        <v>593</v>
      </c>
      <c r="F39" s="3">
        <v>0</v>
      </c>
    </row>
    <row r="40" spans="2:6" x14ac:dyDescent="0.25">
      <c r="B40" s="1" t="s">
        <v>445</v>
      </c>
      <c r="C40" s="1">
        <v>2021</v>
      </c>
      <c r="D40" s="1" t="s">
        <v>339</v>
      </c>
      <c r="E40" s="3" t="s">
        <v>593</v>
      </c>
      <c r="F40" s="3">
        <v>0</v>
      </c>
    </row>
    <row r="41" spans="2:6" x14ac:dyDescent="0.25">
      <c r="B41" s="1" t="s">
        <v>448</v>
      </c>
      <c r="C41" s="1">
        <v>2021</v>
      </c>
      <c r="D41" s="1" t="s">
        <v>343</v>
      </c>
      <c r="E41" s="3" t="s">
        <v>593</v>
      </c>
      <c r="F41" s="3">
        <v>0</v>
      </c>
    </row>
    <row r="42" spans="2:6" x14ac:dyDescent="0.25">
      <c r="B42" s="1" t="s">
        <v>448</v>
      </c>
      <c r="C42" s="1">
        <v>2021</v>
      </c>
      <c r="D42" s="1" t="s">
        <v>347</v>
      </c>
      <c r="E42" s="3" t="s">
        <v>593</v>
      </c>
      <c r="F42" s="3">
        <v>0</v>
      </c>
    </row>
    <row r="43" spans="2:6" x14ac:dyDescent="0.25">
      <c r="B43" s="1" t="s">
        <v>448</v>
      </c>
      <c r="C43" s="1">
        <v>2021</v>
      </c>
      <c r="D43" s="1" t="s">
        <v>351</v>
      </c>
      <c r="E43" s="3" t="s">
        <v>593</v>
      </c>
      <c r="F43" s="3">
        <v>0</v>
      </c>
    </row>
    <row r="44" spans="2:6" x14ac:dyDescent="0.25">
      <c r="B44" s="1" t="s">
        <v>448</v>
      </c>
      <c r="C44" s="1">
        <v>2021</v>
      </c>
      <c r="D44" s="1" t="s">
        <v>352</v>
      </c>
      <c r="E44" s="3" t="s">
        <v>593</v>
      </c>
      <c r="F44" s="3">
        <v>0</v>
      </c>
    </row>
    <row r="45" spans="2:6" x14ac:dyDescent="0.25">
      <c r="B45" s="1" t="s">
        <v>448</v>
      </c>
      <c r="C45" s="1">
        <v>2021</v>
      </c>
      <c r="D45" s="1" t="s">
        <v>358</v>
      </c>
      <c r="E45" s="3" t="s">
        <v>593</v>
      </c>
      <c r="F45" s="3">
        <v>0</v>
      </c>
    </row>
    <row r="46" spans="2:6" x14ac:dyDescent="0.25">
      <c r="B46" s="1" t="s">
        <v>448</v>
      </c>
      <c r="C46" s="1">
        <v>2021</v>
      </c>
      <c r="D46" s="1" t="s">
        <v>367</v>
      </c>
      <c r="E46" s="3" t="s">
        <v>593</v>
      </c>
      <c r="F46" s="3">
        <v>0</v>
      </c>
    </row>
    <row r="47" spans="2:6" x14ac:dyDescent="0.25">
      <c r="B47" s="1" t="s">
        <v>448</v>
      </c>
      <c r="C47" s="1">
        <v>2021</v>
      </c>
      <c r="D47" s="1" t="s">
        <v>369</v>
      </c>
      <c r="E47" s="3" t="s">
        <v>593</v>
      </c>
      <c r="F47" s="3">
        <v>0</v>
      </c>
    </row>
    <row r="48" spans="2:6" x14ac:dyDescent="0.25">
      <c r="B48" s="1" t="s">
        <v>445</v>
      </c>
      <c r="C48" s="1">
        <v>2021</v>
      </c>
      <c r="D48" s="1" t="s">
        <v>371</v>
      </c>
      <c r="E48" s="3" t="s">
        <v>593</v>
      </c>
      <c r="F48" s="3">
        <v>0</v>
      </c>
    </row>
    <row r="49" spans="2:6" x14ac:dyDescent="0.25">
      <c r="B49" s="1" t="s">
        <v>448</v>
      </c>
      <c r="C49" s="1">
        <v>2021</v>
      </c>
      <c r="D49" s="1" t="s">
        <v>377</v>
      </c>
      <c r="E49" s="3" t="s">
        <v>593</v>
      </c>
      <c r="F49" s="3">
        <v>0</v>
      </c>
    </row>
    <row r="50" spans="2:6" x14ac:dyDescent="0.25">
      <c r="B50" s="1" t="s">
        <v>448</v>
      </c>
      <c r="C50" s="1">
        <v>2021</v>
      </c>
      <c r="D50" s="1" t="s">
        <v>380</v>
      </c>
      <c r="E50" s="3" t="s">
        <v>593</v>
      </c>
      <c r="F50" s="3">
        <v>0</v>
      </c>
    </row>
    <row r="51" spans="2:6" x14ac:dyDescent="0.25">
      <c r="B51" s="1" t="s">
        <v>448</v>
      </c>
      <c r="C51" s="1">
        <v>2021</v>
      </c>
      <c r="D51" s="1" t="s">
        <v>390</v>
      </c>
      <c r="E51" s="3" t="s">
        <v>593</v>
      </c>
      <c r="F51" s="3">
        <v>0</v>
      </c>
    </row>
    <row r="52" spans="2:6" x14ac:dyDescent="0.25">
      <c r="B52" s="1" t="s">
        <v>448</v>
      </c>
      <c r="C52" s="1">
        <v>2021</v>
      </c>
      <c r="D52" s="1" t="s">
        <v>391</v>
      </c>
      <c r="E52" s="3" t="s">
        <v>593</v>
      </c>
      <c r="F52" s="3">
        <v>0</v>
      </c>
    </row>
    <row r="53" spans="2:6" x14ac:dyDescent="0.25">
      <c r="B53" s="1" t="s">
        <v>448</v>
      </c>
      <c r="C53" s="1">
        <v>2021</v>
      </c>
      <c r="D53" s="1" t="s">
        <v>393</v>
      </c>
      <c r="E53" s="3" t="s">
        <v>593</v>
      </c>
      <c r="F53" s="3">
        <v>0</v>
      </c>
    </row>
    <row r="54" spans="2:6" x14ac:dyDescent="0.25">
      <c r="B54" s="1" t="s">
        <v>448</v>
      </c>
      <c r="C54" s="1">
        <v>2021</v>
      </c>
      <c r="D54" s="1" t="s">
        <v>399</v>
      </c>
      <c r="E54" s="3" t="s">
        <v>593</v>
      </c>
      <c r="F54" s="3">
        <v>0</v>
      </c>
    </row>
    <row r="55" spans="2:6" x14ac:dyDescent="0.25">
      <c r="B55" s="1" t="s">
        <v>448</v>
      </c>
      <c r="C55" s="1">
        <v>2021</v>
      </c>
      <c r="D55" s="1" t="s">
        <v>402</v>
      </c>
      <c r="E55" s="3" t="s">
        <v>593</v>
      </c>
      <c r="F55" s="3">
        <v>0</v>
      </c>
    </row>
    <row r="56" spans="2:6" x14ac:dyDescent="0.25">
      <c r="B56" s="1" t="s">
        <v>448</v>
      </c>
      <c r="C56" s="1">
        <v>2021</v>
      </c>
      <c r="D56" s="1" t="s">
        <v>404</v>
      </c>
      <c r="E56" s="3" t="s">
        <v>593</v>
      </c>
      <c r="F56" s="3">
        <v>0</v>
      </c>
    </row>
    <row r="57" spans="2:6" x14ac:dyDescent="0.25">
      <c r="B57" s="1" t="s">
        <v>448</v>
      </c>
      <c r="C57" s="1">
        <v>2021</v>
      </c>
      <c r="D57" s="1" t="s">
        <v>414</v>
      </c>
      <c r="E57" s="3" t="s">
        <v>595</v>
      </c>
      <c r="F57" s="3">
        <v>0</v>
      </c>
    </row>
    <row r="58" spans="2:6" x14ac:dyDescent="0.25">
      <c r="B58" s="1" t="s">
        <v>448</v>
      </c>
      <c r="C58" s="1">
        <v>2021</v>
      </c>
      <c r="D58" s="1" t="s">
        <v>428</v>
      </c>
      <c r="E58" s="3" t="s">
        <v>596</v>
      </c>
      <c r="F58" s="3">
        <v>0</v>
      </c>
    </row>
    <row r="59" spans="2:6" x14ac:dyDescent="0.25">
      <c r="B59" s="1" t="s">
        <v>448</v>
      </c>
      <c r="C59" s="1">
        <v>2021</v>
      </c>
      <c r="D59" s="1" t="s">
        <v>434</v>
      </c>
      <c r="E59" s="3" t="s">
        <v>596</v>
      </c>
      <c r="F59" s="3">
        <v>0</v>
      </c>
    </row>
    <row r="60" spans="2:6" x14ac:dyDescent="0.25">
      <c r="B60" s="1" t="s">
        <v>448</v>
      </c>
      <c r="C60" s="1">
        <v>2021</v>
      </c>
      <c r="D60" s="1" t="s">
        <v>439</v>
      </c>
      <c r="E60" s="3" t="s">
        <v>594</v>
      </c>
      <c r="F60" s="3">
        <v>0</v>
      </c>
    </row>
    <row r="61" spans="2:6" x14ac:dyDescent="0.25">
      <c r="B61" s="1" t="s">
        <v>448</v>
      </c>
      <c r="C61" s="1">
        <v>2021</v>
      </c>
      <c r="D61" s="1" t="s">
        <v>440</v>
      </c>
      <c r="E61" s="3" t="s">
        <v>594</v>
      </c>
      <c r="F61" s="3">
        <v>0</v>
      </c>
    </row>
    <row r="62" spans="2:6" x14ac:dyDescent="0.25">
      <c r="B62" s="1" t="s">
        <v>445</v>
      </c>
      <c r="C62" s="1">
        <v>2020</v>
      </c>
      <c r="D62" s="1" t="s">
        <v>0</v>
      </c>
      <c r="E62" s="3" t="s">
        <v>593</v>
      </c>
      <c r="F62" s="3">
        <v>6663.0895451136748</v>
      </c>
    </row>
    <row r="63" spans="2:6" x14ac:dyDescent="0.25">
      <c r="B63" s="1" t="s">
        <v>445</v>
      </c>
      <c r="C63" s="1">
        <v>2020</v>
      </c>
      <c r="D63" s="1" t="s">
        <v>4</v>
      </c>
      <c r="E63" s="3" t="s">
        <v>593</v>
      </c>
      <c r="F63" s="3">
        <v>444.01206628</v>
      </c>
    </row>
    <row r="64" spans="2:6" x14ac:dyDescent="0.25">
      <c r="B64" s="1" t="s">
        <v>445</v>
      </c>
      <c r="C64" s="1">
        <v>2020</v>
      </c>
      <c r="D64" s="1" t="s">
        <v>6</v>
      </c>
      <c r="E64" s="3" t="s">
        <v>595</v>
      </c>
      <c r="F64" s="3">
        <v>36319.230801999998</v>
      </c>
    </row>
    <row r="65" spans="2:6" x14ac:dyDescent="0.25">
      <c r="B65" s="1" t="s">
        <v>445</v>
      </c>
      <c r="C65" s="1">
        <v>2020</v>
      </c>
      <c r="D65" s="1" t="s">
        <v>8</v>
      </c>
      <c r="E65" s="3" t="s">
        <v>593</v>
      </c>
      <c r="F65" s="3">
        <v>1071.0505852744443</v>
      </c>
    </row>
    <row r="66" spans="2:6" x14ac:dyDescent="0.25">
      <c r="B66" s="1" t="s">
        <v>445</v>
      </c>
      <c r="C66" s="1">
        <v>2020</v>
      </c>
      <c r="D66" s="1" t="s">
        <v>10</v>
      </c>
      <c r="E66" s="3" t="s">
        <v>593</v>
      </c>
      <c r="F66" s="3">
        <v>4675.3276145383998</v>
      </c>
    </row>
    <row r="67" spans="2:6" x14ac:dyDescent="0.25">
      <c r="B67" s="1" t="s">
        <v>445</v>
      </c>
      <c r="C67" s="1">
        <v>2020</v>
      </c>
      <c r="D67" s="1" t="s">
        <v>14</v>
      </c>
      <c r="E67" s="3" t="s">
        <v>593</v>
      </c>
      <c r="F67" s="3">
        <v>1074.700506818182</v>
      </c>
    </row>
    <row r="68" spans="2:6" x14ac:dyDescent="0.25">
      <c r="B68" s="1" t="s">
        <v>445</v>
      </c>
      <c r="C68" s="1">
        <v>2020</v>
      </c>
      <c r="D68" s="1" t="s">
        <v>17</v>
      </c>
      <c r="E68" s="3" t="s">
        <v>593</v>
      </c>
      <c r="F68" s="3">
        <v>3738.6</v>
      </c>
    </row>
    <row r="69" spans="2:6" x14ac:dyDescent="0.25">
      <c r="B69" s="1" t="s">
        <v>445</v>
      </c>
      <c r="C69" s="1">
        <v>2020</v>
      </c>
      <c r="D69" s="1" t="s">
        <v>20</v>
      </c>
      <c r="E69" s="3" t="s">
        <v>597</v>
      </c>
      <c r="F69" s="3">
        <v>133571.42857732144</v>
      </c>
    </row>
    <row r="70" spans="2:6" x14ac:dyDescent="0.25">
      <c r="B70" s="1" t="s">
        <v>445</v>
      </c>
      <c r="C70" s="1">
        <v>2020</v>
      </c>
      <c r="D70" s="1" t="s">
        <v>20</v>
      </c>
      <c r="E70" s="3" t="s">
        <v>597</v>
      </c>
      <c r="F70" s="3">
        <v>471430.47719035711</v>
      </c>
    </row>
    <row r="71" spans="2:6" x14ac:dyDescent="0.25">
      <c r="B71" s="1" t="s">
        <v>445</v>
      </c>
      <c r="C71" s="1">
        <v>2020</v>
      </c>
      <c r="D71" s="1" t="s">
        <v>26</v>
      </c>
      <c r="E71" s="3" t="s">
        <v>593</v>
      </c>
      <c r="F71" s="3">
        <v>5484.3066666666664</v>
      </c>
    </row>
    <row r="72" spans="2:6" x14ac:dyDescent="0.25">
      <c r="B72" s="1" t="s">
        <v>445</v>
      </c>
      <c r="C72" s="1">
        <v>2020</v>
      </c>
      <c r="D72" s="1" t="s">
        <v>27</v>
      </c>
      <c r="E72" s="3" t="s">
        <v>593</v>
      </c>
      <c r="F72" s="3">
        <v>1415.365965083799</v>
      </c>
    </row>
    <row r="73" spans="2:6" x14ac:dyDescent="0.25">
      <c r="B73" s="1" t="s">
        <v>445</v>
      </c>
      <c r="C73" s="1">
        <v>2020</v>
      </c>
      <c r="D73" s="1" t="s">
        <v>28</v>
      </c>
      <c r="E73" s="3" t="s">
        <v>593</v>
      </c>
      <c r="F73" s="3">
        <v>437.57737339522549</v>
      </c>
    </row>
    <row r="74" spans="2:6" x14ac:dyDescent="0.25">
      <c r="B74" s="1" t="s">
        <v>445</v>
      </c>
      <c r="C74" s="1">
        <v>2020</v>
      </c>
      <c r="D74" s="1" t="s">
        <v>28</v>
      </c>
      <c r="E74" s="3" t="s">
        <v>593</v>
      </c>
      <c r="F74" s="3">
        <v>2014.5888828116711</v>
      </c>
    </row>
    <row r="75" spans="2:6" x14ac:dyDescent="0.25">
      <c r="B75" s="1" t="s">
        <v>445</v>
      </c>
      <c r="C75" s="1">
        <v>2020</v>
      </c>
      <c r="D75" s="1" t="s">
        <v>29</v>
      </c>
      <c r="E75" s="3" t="s">
        <v>593</v>
      </c>
      <c r="F75" s="3">
        <v>428.59463451760524</v>
      </c>
    </row>
    <row r="76" spans="2:6" x14ac:dyDescent="0.25">
      <c r="B76" s="1" t="s">
        <v>445</v>
      </c>
      <c r="C76" s="1">
        <v>2020</v>
      </c>
      <c r="D76" s="1" t="s">
        <v>31</v>
      </c>
      <c r="E76" s="3" t="s">
        <v>593</v>
      </c>
      <c r="F76" s="3">
        <v>1284.9413544590657</v>
      </c>
    </row>
    <row r="77" spans="2:6" x14ac:dyDescent="0.25">
      <c r="B77" s="1" t="s">
        <v>445</v>
      </c>
      <c r="C77" s="1">
        <v>2020</v>
      </c>
      <c r="D77" s="1" t="s">
        <v>33</v>
      </c>
      <c r="E77" s="3" t="s">
        <v>593</v>
      </c>
      <c r="F77" s="3">
        <v>840.94153846153836</v>
      </c>
    </row>
    <row r="78" spans="2:6" x14ac:dyDescent="0.25">
      <c r="B78" s="1" t="s">
        <v>445</v>
      </c>
      <c r="C78" s="1">
        <v>2020</v>
      </c>
      <c r="D78" s="1" t="s">
        <v>34</v>
      </c>
      <c r="E78" s="3" t="s">
        <v>593</v>
      </c>
      <c r="F78" s="3">
        <v>710.95557672666666</v>
      </c>
    </row>
    <row r="79" spans="2:6" x14ac:dyDescent="0.25">
      <c r="B79" s="1" t="s">
        <v>445</v>
      </c>
      <c r="C79" s="1">
        <v>2020</v>
      </c>
      <c r="D79" s="1" t="s">
        <v>36</v>
      </c>
      <c r="E79" s="3" t="s">
        <v>593</v>
      </c>
      <c r="F79" s="3">
        <v>2383.288127603143</v>
      </c>
    </row>
    <row r="80" spans="2:6" x14ac:dyDescent="0.25">
      <c r="B80" s="1" t="s">
        <v>445</v>
      </c>
      <c r="C80" s="1">
        <v>2020</v>
      </c>
      <c r="D80" s="1" t="s">
        <v>39</v>
      </c>
      <c r="E80" s="3" t="s">
        <v>593</v>
      </c>
      <c r="F80" s="3">
        <v>1011.4004136363636</v>
      </c>
    </row>
    <row r="81" spans="2:6" x14ac:dyDescent="0.25">
      <c r="B81" s="1" t="s">
        <v>445</v>
      </c>
      <c r="C81" s="1">
        <v>2020</v>
      </c>
      <c r="D81" s="1" t="s">
        <v>42</v>
      </c>
      <c r="E81" s="3" t="s">
        <v>593</v>
      </c>
      <c r="F81" s="3">
        <v>2977.5146393984965</v>
      </c>
    </row>
    <row r="82" spans="2:6" x14ac:dyDescent="0.25">
      <c r="B82" s="1" t="s">
        <v>445</v>
      </c>
      <c r="C82" s="1">
        <v>2020</v>
      </c>
      <c r="D82" s="1" t="s">
        <v>43</v>
      </c>
      <c r="E82" s="3" t="s">
        <v>593</v>
      </c>
      <c r="F82" s="3">
        <v>863.47924829215901</v>
      </c>
    </row>
    <row r="83" spans="2:6" x14ac:dyDescent="0.25">
      <c r="B83" s="1" t="s">
        <v>445</v>
      </c>
      <c r="C83" s="1">
        <v>2020</v>
      </c>
      <c r="D83" s="1" t="s">
        <v>44</v>
      </c>
      <c r="E83" s="3" t="s">
        <v>593</v>
      </c>
      <c r="F83" s="3">
        <v>1134.80392084</v>
      </c>
    </row>
    <row r="84" spans="2:6" x14ac:dyDescent="0.25">
      <c r="B84" s="1" t="s">
        <v>445</v>
      </c>
      <c r="C84" s="1">
        <v>2020</v>
      </c>
      <c r="D84" s="1" t="s">
        <v>45</v>
      </c>
      <c r="E84" s="3" t="s">
        <v>593</v>
      </c>
      <c r="F84" s="3">
        <v>1564.2897682119205</v>
      </c>
    </row>
    <row r="85" spans="2:6" x14ac:dyDescent="0.25">
      <c r="B85" s="1" t="s">
        <v>445</v>
      </c>
      <c r="C85" s="1">
        <v>2020</v>
      </c>
      <c r="D85" s="1" t="s">
        <v>53</v>
      </c>
      <c r="E85" s="3" t="s">
        <v>593</v>
      </c>
      <c r="F85" s="3">
        <v>702.49353753312425</v>
      </c>
    </row>
    <row r="86" spans="2:6" x14ac:dyDescent="0.25">
      <c r="B86" s="1" t="s">
        <v>445</v>
      </c>
      <c r="C86" s="1">
        <v>2020</v>
      </c>
      <c r="D86" s="1" t="s">
        <v>58</v>
      </c>
      <c r="E86" s="3" t="s">
        <v>596</v>
      </c>
      <c r="F86" s="3">
        <v>5411.5709324758845</v>
      </c>
    </row>
    <row r="87" spans="2:6" x14ac:dyDescent="0.25">
      <c r="B87" s="1" t="s">
        <v>445</v>
      </c>
      <c r="C87" s="1">
        <v>2020</v>
      </c>
      <c r="D87" s="1" t="s">
        <v>81</v>
      </c>
      <c r="E87" s="3" t="s">
        <v>593</v>
      </c>
      <c r="F87" s="3">
        <v>277.03750541764703</v>
      </c>
    </row>
    <row r="88" spans="2:6" x14ac:dyDescent="0.25">
      <c r="B88" s="1" t="s">
        <v>445</v>
      </c>
      <c r="C88" s="1">
        <v>2020</v>
      </c>
      <c r="D88" s="1" t="s">
        <v>87</v>
      </c>
      <c r="E88" s="3" t="s">
        <v>593</v>
      </c>
      <c r="F88" s="3">
        <v>33.503846153846155</v>
      </c>
    </row>
    <row r="89" spans="2:6" x14ac:dyDescent="0.25">
      <c r="B89" s="1" t="s">
        <v>445</v>
      </c>
      <c r="C89" s="1">
        <v>2020</v>
      </c>
      <c r="D89" s="1" t="s">
        <v>87</v>
      </c>
      <c r="E89" s="3" t="s">
        <v>593</v>
      </c>
      <c r="F89" s="3">
        <v>402.04615384615386</v>
      </c>
    </row>
    <row r="90" spans="2:6" x14ac:dyDescent="0.25">
      <c r="B90" s="1" t="s">
        <v>445</v>
      </c>
      <c r="C90" s="1">
        <v>2020</v>
      </c>
      <c r="D90" s="1" t="s">
        <v>89</v>
      </c>
      <c r="E90" s="3" t="s">
        <v>595</v>
      </c>
      <c r="F90" s="3">
        <v>987.76310920255855</v>
      </c>
    </row>
    <row r="91" spans="2:6" x14ac:dyDescent="0.25">
      <c r="B91" s="1" t="s">
        <v>445</v>
      </c>
      <c r="C91" s="1">
        <v>2020</v>
      </c>
      <c r="D91" s="1" t="s">
        <v>95</v>
      </c>
      <c r="E91" s="3" t="s">
        <v>593</v>
      </c>
      <c r="F91" s="3">
        <v>92.183537273746964</v>
      </c>
    </row>
    <row r="92" spans="2:6" x14ac:dyDescent="0.25">
      <c r="B92" s="1" t="s">
        <v>446</v>
      </c>
      <c r="C92" s="1">
        <v>2020</v>
      </c>
      <c r="D92" s="1" t="s">
        <v>100</v>
      </c>
      <c r="E92" s="3" t="s">
        <v>593</v>
      </c>
      <c r="F92" s="3">
        <v>60.97279125</v>
      </c>
    </row>
    <row r="93" spans="2:6" x14ac:dyDescent="0.25">
      <c r="B93" s="1" t="s">
        <v>446</v>
      </c>
      <c r="C93" s="1">
        <v>2020</v>
      </c>
      <c r="D93" s="1" t="s">
        <v>104</v>
      </c>
      <c r="E93" s="3" t="s">
        <v>593</v>
      </c>
      <c r="F93" s="3">
        <v>54.049057039999994</v>
      </c>
    </row>
    <row r="94" spans="2:6" x14ac:dyDescent="0.25">
      <c r="B94" s="1" t="s">
        <v>445</v>
      </c>
      <c r="C94" s="1">
        <v>2020</v>
      </c>
      <c r="D94" s="1" t="s">
        <v>105</v>
      </c>
      <c r="E94" s="3" t="s">
        <v>593</v>
      </c>
      <c r="F94" s="3">
        <v>121.89620277509111</v>
      </c>
    </row>
    <row r="95" spans="2:6" x14ac:dyDescent="0.25">
      <c r="B95" s="1" t="s">
        <v>447</v>
      </c>
      <c r="C95" s="1">
        <v>2020</v>
      </c>
      <c r="D95" s="1" t="s">
        <v>112</v>
      </c>
      <c r="E95" s="3" t="s">
        <v>593</v>
      </c>
      <c r="F95" s="3">
        <v>171.57354807692306</v>
      </c>
    </row>
    <row r="96" spans="2:6" x14ac:dyDescent="0.25">
      <c r="B96" s="1" t="s">
        <v>445</v>
      </c>
      <c r="C96" s="1">
        <v>2020</v>
      </c>
      <c r="D96" s="1" t="s">
        <v>115</v>
      </c>
      <c r="E96" s="3" t="s">
        <v>593</v>
      </c>
      <c r="F96" s="3">
        <v>185.61107284768212</v>
      </c>
    </row>
    <row r="97" spans="2:6" x14ac:dyDescent="0.25">
      <c r="B97" s="1" t="s">
        <v>445</v>
      </c>
      <c r="C97" s="1">
        <v>2020</v>
      </c>
      <c r="D97" s="1" t="s">
        <v>118</v>
      </c>
      <c r="E97" s="3" t="s">
        <v>593</v>
      </c>
      <c r="F97" s="3">
        <v>16.310694388059702</v>
      </c>
    </row>
    <row r="98" spans="2:6" x14ac:dyDescent="0.25">
      <c r="B98" s="1" t="s">
        <v>445</v>
      </c>
      <c r="C98" s="1">
        <v>2020</v>
      </c>
      <c r="D98" s="1" t="s">
        <v>122</v>
      </c>
      <c r="E98" s="3" t="s">
        <v>593</v>
      </c>
      <c r="F98" s="3">
        <v>70.38</v>
      </c>
    </row>
    <row r="99" spans="2:6" x14ac:dyDescent="0.25">
      <c r="B99" s="1" t="s">
        <v>445</v>
      </c>
      <c r="C99" s="1">
        <v>2020</v>
      </c>
      <c r="D99" s="1" t="s">
        <v>127</v>
      </c>
      <c r="E99" s="3" t="s">
        <v>593</v>
      </c>
      <c r="F99" s="3">
        <v>6.2076535990500004</v>
      </c>
    </row>
    <row r="100" spans="2:6" x14ac:dyDescent="0.25">
      <c r="B100" s="1" t="s">
        <v>446</v>
      </c>
      <c r="C100" s="1">
        <v>2020</v>
      </c>
      <c r="D100" s="1" t="s">
        <v>141</v>
      </c>
      <c r="E100" s="3" t="s">
        <v>593</v>
      </c>
      <c r="F100" s="3">
        <v>0</v>
      </c>
    </row>
    <row r="101" spans="2:6" x14ac:dyDescent="0.25">
      <c r="B101" s="1" t="s">
        <v>448</v>
      </c>
      <c r="C101" s="1">
        <v>2020</v>
      </c>
      <c r="D101" s="1" t="s">
        <v>151</v>
      </c>
      <c r="E101" s="3" t="s">
        <v>593</v>
      </c>
      <c r="F101" s="3">
        <v>0</v>
      </c>
    </row>
    <row r="102" spans="2:6" x14ac:dyDescent="0.25">
      <c r="B102" s="1" t="s">
        <v>448</v>
      </c>
      <c r="C102" s="1">
        <v>2020</v>
      </c>
      <c r="D102" s="1" t="s">
        <v>158</v>
      </c>
      <c r="E102" s="3" t="s">
        <v>593</v>
      </c>
      <c r="F102" s="3">
        <v>0</v>
      </c>
    </row>
    <row r="103" spans="2:6" x14ac:dyDescent="0.25">
      <c r="B103" s="1" t="s">
        <v>445</v>
      </c>
      <c r="C103" s="1">
        <v>2020</v>
      </c>
      <c r="D103" s="1" t="s">
        <v>173</v>
      </c>
      <c r="E103" s="3" t="s">
        <v>593</v>
      </c>
      <c r="F103" s="3">
        <v>0</v>
      </c>
    </row>
    <row r="104" spans="2:6" x14ac:dyDescent="0.25">
      <c r="B104" s="1" t="s">
        <v>448</v>
      </c>
      <c r="C104" s="1">
        <v>2020</v>
      </c>
      <c r="D104" s="1" t="s">
        <v>181</v>
      </c>
      <c r="E104" s="3" t="s">
        <v>593</v>
      </c>
      <c r="F104" s="3">
        <v>0</v>
      </c>
    </row>
    <row r="105" spans="2:6" x14ac:dyDescent="0.25">
      <c r="B105" s="1" t="s">
        <v>445</v>
      </c>
      <c r="C105" s="1">
        <v>2020</v>
      </c>
      <c r="D105" s="1" t="s">
        <v>183</v>
      </c>
      <c r="E105" s="3" t="s">
        <v>593</v>
      </c>
      <c r="F105" s="3">
        <v>0</v>
      </c>
    </row>
    <row r="106" spans="2:6" x14ac:dyDescent="0.25">
      <c r="B106" s="1" t="s">
        <v>445</v>
      </c>
      <c r="C106" s="1">
        <v>2020</v>
      </c>
      <c r="D106" s="1" t="s">
        <v>195</v>
      </c>
      <c r="E106" s="3" t="s">
        <v>593</v>
      </c>
      <c r="F106" s="3">
        <v>0</v>
      </c>
    </row>
    <row r="107" spans="2:6" x14ac:dyDescent="0.25">
      <c r="B107" s="1" t="s">
        <v>445</v>
      </c>
      <c r="C107" s="1">
        <v>2020</v>
      </c>
      <c r="D107" s="1" t="s">
        <v>196</v>
      </c>
      <c r="E107" s="3" t="s">
        <v>593</v>
      </c>
      <c r="F107" s="3">
        <v>0</v>
      </c>
    </row>
    <row r="108" spans="2:6" x14ac:dyDescent="0.25">
      <c r="B108" s="1" t="s">
        <v>448</v>
      </c>
      <c r="C108" s="1">
        <v>2020</v>
      </c>
      <c r="D108" s="1" t="s">
        <v>198</v>
      </c>
      <c r="E108" s="3" t="s">
        <v>593</v>
      </c>
      <c r="F108" s="3">
        <v>0</v>
      </c>
    </row>
    <row r="109" spans="2:6" x14ac:dyDescent="0.25">
      <c r="B109" s="1" t="s">
        <v>448</v>
      </c>
      <c r="C109" s="1">
        <v>2020</v>
      </c>
      <c r="D109" s="1" t="s">
        <v>199</v>
      </c>
      <c r="E109" s="3" t="s">
        <v>593</v>
      </c>
      <c r="F109" s="3">
        <v>0</v>
      </c>
    </row>
    <row r="110" spans="2:6" x14ac:dyDescent="0.25">
      <c r="B110" s="1" t="s">
        <v>448</v>
      </c>
      <c r="C110" s="1">
        <v>2020</v>
      </c>
      <c r="D110" s="1" t="s">
        <v>216</v>
      </c>
      <c r="E110" s="3" t="s">
        <v>593</v>
      </c>
      <c r="F110" s="3">
        <v>0</v>
      </c>
    </row>
    <row r="111" spans="2:6" x14ac:dyDescent="0.25">
      <c r="B111" s="1" t="s">
        <v>448</v>
      </c>
      <c r="C111" s="1">
        <v>2020</v>
      </c>
      <c r="D111" s="1" t="s">
        <v>217</v>
      </c>
      <c r="E111" s="3" t="s">
        <v>593</v>
      </c>
      <c r="F111" s="3">
        <v>0</v>
      </c>
    </row>
    <row r="112" spans="2:6" x14ac:dyDescent="0.25">
      <c r="B112" s="1" t="s">
        <v>448</v>
      </c>
      <c r="C112" s="1">
        <v>2020</v>
      </c>
      <c r="D112" s="1" t="s">
        <v>220</v>
      </c>
      <c r="E112" s="3" t="s">
        <v>593</v>
      </c>
      <c r="F112" s="3">
        <v>0</v>
      </c>
    </row>
    <row r="113" spans="2:6" x14ac:dyDescent="0.25">
      <c r="B113" s="1" t="s">
        <v>448</v>
      </c>
      <c r="C113" s="1">
        <v>2020</v>
      </c>
      <c r="D113" s="1" t="s">
        <v>221</v>
      </c>
      <c r="E113" s="3" t="s">
        <v>593</v>
      </c>
      <c r="F113" s="3">
        <v>0</v>
      </c>
    </row>
    <row r="114" spans="2:6" x14ac:dyDescent="0.25">
      <c r="B114" s="1" t="s">
        <v>448</v>
      </c>
      <c r="C114" s="1">
        <v>2020</v>
      </c>
      <c r="D114" s="1" t="s">
        <v>225</v>
      </c>
      <c r="E114" s="3" t="s">
        <v>593</v>
      </c>
      <c r="F114" s="3">
        <v>0</v>
      </c>
    </row>
    <row r="115" spans="2:6" x14ac:dyDescent="0.25">
      <c r="B115" s="1" t="s">
        <v>448</v>
      </c>
      <c r="C115" s="1">
        <v>2020</v>
      </c>
      <c r="D115" s="1" t="s">
        <v>229</v>
      </c>
      <c r="E115" s="3" t="s">
        <v>593</v>
      </c>
      <c r="F115" s="3">
        <v>0</v>
      </c>
    </row>
    <row r="116" spans="2:6" x14ac:dyDescent="0.25">
      <c r="B116" s="1" t="s">
        <v>448</v>
      </c>
      <c r="C116" s="1">
        <v>2020</v>
      </c>
      <c r="D116" s="1" t="s">
        <v>231</v>
      </c>
      <c r="E116" s="3" t="s">
        <v>593</v>
      </c>
      <c r="F116" s="3">
        <v>0</v>
      </c>
    </row>
    <row r="117" spans="2:6" x14ac:dyDescent="0.25">
      <c r="B117" s="1" t="s">
        <v>448</v>
      </c>
      <c r="C117" s="1">
        <v>2020</v>
      </c>
      <c r="D117" s="1" t="s">
        <v>233</v>
      </c>
      <c r="E117" s="3" t="s">
        <v>593</v>
      </c>
      <c r="F117" s="3">
        <v>0</v>
      </c>
    </row>
    <row r="118" spans="2:6" x14ac:dyDescent="0.25">
      <c r="B118" s="1" t="s">
        <v>448</v>
      </c>
      <c r="C118" s="1">
        <v>2020</v>
      </c>
      <c r="D118" s="1" t="s">
        <v>242</v>
      </c>
      <c r="E118" s="3" t="s">
        <v>593</v>
      </c>
      <c r="F118" s="3">
        <v>0</v>
      </c>
    </row>
    <row r="119" spans="2:6" x14ac:dyDescent="0.25">
      <c r="B119" s="1" t="s">
        <v>448</v>
      </c>
      <c r="C119" s="1">
        <v>2020</v>
      </c>
      <c r="D119" s="1" t="s">
        <v>244</v>
      </c>
      <c r="E119" s="3" t="s">
        <v>593</v>
      </c>
      <c r="F119" s="3">
        <v>0</v>
      </c>
    </row>
    <row r="120" spans="2:6" x14ac:dyDescent="0.25">
      <c r="B120" s="1" t="s">
        <v>448</v>
      </c>
      <c r="C120" s="1">
        <v>2020</v>
      </c>
      <c r="D120" s="1" t="s">
        <v>245</v>
      </c>
      <c r="E120" s="3" t="s">
        <v>593</v>
      </c>
      <c r="F120" s="3">
        <v>0</v>
      </c>
    </row>
    <row r="121" spans="2:6" x14ac:dyDescent="0.25">
      <c r="B121" s="1" t="s">
        <v>448</v>
      </c>
      <c r="C121" s="1">
        <v>2020</v>
      </c>
      <c r="D121" s="1" t="s">
        <v>256</v>
      </c>
      <c r="E121" s="3" t="s">
        <v>593</v>
      </c>
      <c r="F121" s="3">
        <v>0</v>
      </c>
    </row>
    <row r="122" spans="2:6" x14ac:dyDescent="0.25">
      <c r="B122" s="1" t="s">
        <v>448</v>
      </c>
      <c r="C122" s="1">
        <v>2020</v>
      </c>
      <c r="D122" s="1" t="s">
        <v>259</v>
      </c>
      <c r="E122" s="3" t="s">
        <v>593</v>
      </c>
      <c r="F122" s="3">
        <v>0</v>
      </c>
    </row>
    <row r="123" spans="2:6" x14ac:dyDescent="0.25">
      <c r="B123" s="1" t="s">
        <v>448</v>
      </c>
      <c r="C123" s="1">
        <v>2020</v>
      </c>
      <c r="D123" s="1" t="s">
        <v>278</v>
      </c>
      <c r="E123" s="3" t="s">
        <v>593</v>
      </c>
      <c r="F123" s="3">
        <v>0</v>
      </c>
    </row>
    <row r="124" spans="2:6" x14ac:dyDescent="0.25">
      <c r="B124" s="1" t="s">
        <v>448</v>
      </c>
      <c r="C124" s="1">
        <v>2020</v>
      </c>
      <c r="D124" s="1" t="s">
        <v>285</v>
      </c>
      <c r="E124" s="3" t="s">
        <v>593</v>
      </c>
      <c r="F124" s="3">
        <v>0</v>
      </c>
    </row>
    <row r="125" spans="2:6" x14ac:dyDescent="0.25">
      <c r="B125" s="1" t="s">
        <v>448</v>
      </c>
      <c r="C125" s="1">
        <v>2020</v>
      </c>
      <c r="D125" s="1" t="s">
        <v>296</v>
      </c>
      <c r="E125" s="3" t="s">
        <v>593</v>
      </c>
      <c r="F125" s="3">
        <v>0</v>
      </c>
    </row>
    <row r="126" spans="2:6" x14ac:dyDescent="0.25">
      <c r="B126" s="1" t="s">
        <v>448</v>
      </c>
      <c r="C126" s="1">
        <v>2020</v>
      </c>
      <c r="D126" s="1" t="s">
        <v>299</v>
      </c>
      <c r="E126" s="3" t="s">
        <v>593</v>
      </c>
      <c r="F126" s="3">
        <v>0</v>
      </c>
    </row>
    <row r="127" spans="2:6" x14ac:dyDescent="0.25">
      <c r="B127" s="1" t="s">
        <v>448</v>
      </c>
      <c r="C127" s="1">
        <v>2020</v>
      </c>
      <c r="D127" s="1" t="s">
        <v>308</v>
      </c>
      <c r="E127" s="3" t="s">
        <v>593</v>
      </c>
      <c r="F127" s="3">
        <v>0</v>
      </c>
    </row>
    <row r="128" spans="2:6" x14ac:dyDescent="0.25">
      <c r="B128" s="1" t="s">
        <v>448</v>
      </c>
      <c r="C128" s="1">
        <v>2020</v>
      </c>
      <c r="D128" s="1" t="s">
        <v>318</v>
      </c>
      <c r="E128" s="3" t="s">
        <v>593</v>
      </c>
      <c r="F128" s="3">
        <v>0</v>
      </c>
    </row>
    <row r="129" spans="2:6" x14ac:dyDescent="0.25">
      <c r="B129" s="1" t="s">
        <v>448</v>
      </c>
      <c r="C129" s="1">
        <v>2020</v>
      </c>
      <c r="D129" s="1" t="s">
        <v>320</v>
      </c>
      <c r="E129" s="3" t="s">
        <v>593</v>
      </c>
      <c r="F129" s="3">
        <v>0</v>
      </c>
    </row>
    <row r="130" spans="2:6" x14ac:dyDescent="0.25">
      <c r="B130" s="1" t="s">
        <v>445</v>
      </c>
      <c r="C130" s="1">
        <v>2020</v>
      </c>
      <c r="D130" s="1" t="s">
        <v>322</v>
      </c>
      <c r="E130" s="3" t="s">
        <v>593</v>
      </c>
      <c r="F130" s="3">
        <v>0</v>
      </c>
    </row>
    <row r="131" spans="2:6" x14ac:dyDescent="0.25">
      <c r="B131" s="1" t="s">
        <v>448</v>
      </c>
      <c r="C131" s="1">
        <v>2020</v>
      </c>
      <c r="D131" s="1" t="s">
        <v>328</v>
      </c>
      <c r="E131" s="3" t="s">
        <v>593</v>
      </c>
      <c r="F131" s="3">
        <v>0</v>
      </c>
    </row>
    <row r="132" spans="2:6" x14ac:dyDescent="0.25">
      <c r="B132" s="1" t="s">
        <v>448</v>
      </c>
      <c r="C132" s="1">
        <v>2020</v>
      </c>
      <c r="D132" s="1" t="s">
        <v>330</v>
      </c>
      <c r="E132" s="3" t="s">
        <v>593</v>
      </c>
      <c r="F132" s="3">
        <v>0</v>
      </c>
    </row>
    <row r="133" spans="2:6" x14ac:dyDescent="0.25">
      <c r="B133" s="1" t="s">
        <v>448</v>
      </c>
      <c r="C133" s="1">
        <v>2020</v>
      </c>
      <c r="D133" s="1" t="s">
        <v>331</v>
      </c>
      <c r="E133" s="3" t="s">
        <v>593</v>
      </c>
      <c r="F133" s="3">
        <v>0</v>
      </c>
    </row>
    <row r="134" spans="2:6" x14ac:dyDescent="0.25">
      <c r="B134" s="1" t="s">
        <v>448</v>
      </c>
      <c r="C134" s="1">
        <v>2020</v>
      </c>
      <c r="D134" s="1" t="s">
        <v>336</v>
      </c>
      <c r="E134" s="3" t="s">
        <v>593</v>
      </c>
      <c r="F134" s="3">
        <v>0</v>
      </c>
    </row>
    <row r="135" spans="2:6" x14ac:dyDescent="0.25">
      <c r="B135" s="1" t="s">
        <v>445</v>
      </c>
      <c r="C135" s="1">
        <v>2020</v>
      </c>
      <c r="D135" s="1" t="s">
        <v>337</v>
      </c>
      <c r="E135" s="3" t="s">
        <v>593</v>
      </c>
      <c r="F135" s="3">
        <v>0</v>
      </c>
    </row>
    <row r="136" spans="2:6" x14ac:dyDescent="0.25">
      <c r="B136" s="1" t="s">
        <v>448</v>
      </c>
      <c r="C136" s="1">
        <v>2020</v>
      </c>
      <c r="D136" s="1" t="s">
        <v>341</v>
      </c>
      <c r="E136" s="3" t="s">
        <v>593</v>
      </c>
      <c r="F136" s="3">
        <v>0</v>
      </c>
    </row>
    <row r="137" spans="2:6" x14ac:dyDescent="0.25">
      <c r="B137" s="1" t="s">
        <v>448</v>
      </c>
      <c r="C137" s="1">
        <v>2020</v>
      </c>
      <c r="D137" s="1" t="s">
        <v>348</v>
      </c>
      <c r="E137" s="3" t="s">
        <v>593</v>
      </c>
      <c r="F137" s="3">
        <v>0</v>
      </c>
    </row>
    <row r="138" spans="2:6" x14ac:dyDescent="0.25">
      <c r="B138" s="1" t="s">
        <v>448</v>
      </c>
      <c r="C138" s="1">
        <v>2020</v>
      </c>
      <c r="D138" s="1" t="s">
        <v>360</v>
      </c>
      <c r="E138" s="3" t="s">
        <v>593</v>
      </c>
      <c r="F138" s="3">
        <v>0</v>
      </c>
    </row>
    <row r="139" spans="2:6" x14ac:dyDescent="0.25">
      <c r="B139" s="1" t="s">
        <v>448</v>
      </c>
      <c r="C139" s="1">
        <v>2020</v>
      </c>
      <c r="D139" s="1" t="s">
        <v>361</v>
      </c>
      <c r="E139" s="3" t="s">
        <v>593</v>
      </c>
      <c r="F139" s="3">
        <v>0</v>
      </c>
    </row>
    <row r="140" spans="2:6" x14ac:dyDescent="0.25">
      <c r="B140" s="1" t="s">
        <v>445</v>
      </c>
      <c r="C140" s="1">
        <v>2020</v>
      </c>
      <c r="D140" s="1" t="s">
        <v>363</v>
      </c>
      <c r="E140" s="3" t="s">
        <v>593</v>
      </c>
      <c r="F140" s="3">
        <v>0</v>
      </c>
    </row>
    <row r="141" spans="2:6" x14ac:dyDescent="0.25">
      <c r="B141" s="1" t="s">
        <v>448</v>
      </c>
      <c r="C141" s="1">
        <v>2020</v>
      </c>
      <c r="D141" s="1" t="s">
        <v>366</v>
      </c>
      <c r="E141" s="3" t="s">
        <v>593</v>
      </c>
      <c r="F141" s="3">
        <v>0</v>
      </c>
    </row>
    <row r="142" spans="2:6" x14ac:dyDescent="0.25">
      <c r="B142" s="1" t="s">
        <v>448</v>
      </c>
      <c r="C142" s="1">
        <v>2020</v>
      </c>
      <c r="D142" s="1" t="s">
        <v>336</v>
      </c>
      <c r="E142" s="3" t="s">
        <v>593</v>
      </c>
      <c r="F142" s="3">
        <v>0</v>
      </c>
    </row>
    <row r="143" spans="2:6" x14ac:dyDescent="0.25">
      <c r="B143" s="1" t="s">
        <v>448</v>
      </c>
      <c r="C143" s="1">
        <v>2020</v>
      </c>
      <c r="D143" s="1" t="s">
        <v>372</v>
      </c>
      <c r="E143" s="3" t="s">
        <v>593</v>
      </c>
      <c r="F143" s="3">
        <v>0</v>
      </c>
    </row>
    <row r="144" spans="2:6" x14ac:dyDescent="0.25">
      <c r="B144" s="1" t="s">
        <v>448</v>
      </c>
      <c r="C144" s="1">
        <v>2020</v>
      </c>
      <c r="D144" s="1" t="s">
        <v>340</v>
      </c>
      <c r="E144" s="3" t="s">
        <v>593</v>
      </c>
      <c r="F144" s="3">
        <v>0</v>
      </c>
    </row>
    <row r="145" spans="2:6" x14ac:dyDescent="0.25">
      <c r="B145" s="1" t="s">
        <v>448</v>
      </c>
      <c r="C145" s="1">
        <v>2020</v>
      </c>
      <c r="D145" s="1" t="s">
        <v>373</v>
      </c>
      <c r="E145" s="3" t="s">
        <v>593</v>
      </c>
      <c r="F145" s="3">
        <v>0</v>
      </c>
    </row>
    <row r="146" spans="2:6" x14ac:dyDescent="0.25">
      <c r="B146" s="1" t="s">
        <v>448</v>
      </c>
      <c r="C146" s="1">
        <v>2020</v>
      </c>
      <c r="D146" s="1" t="s">
        <v>382</v>
      </c>
      <c r="E146" s="3" t="s">
        <v>593</v>
      </c>
      <c r="F146" s="3">
        <v>0</v>
      </c>
    </row>
    <row r="147" spans="2:6" x14ac:dyDescent="0.25">
      <c r="B147" s="1" t="s">
        <v>445</v>
      </c>
      <c r="C147" s="1">
        <v>2020</v>
      </c>
      <c r="D147" s="1" t="s">
        <v>395</v>
      </c>
      <c r="E147" s="3" t="s">
        <v>593</v>
      </c>
      <c r="F147" s="3">
        <v>0</v>
      </c>
    </row>
    <row r="148" spans="2:6" x14ac:dyDescent="0.25">
      <c r="B148" s="1" t="s">
        <v>448</v>
      </c>
      <c r="C148" s="1">
        <v>2020</v>
      </c>
      <c r="D148" s="1" t="s">
        <v>401</v>
      </c>
      <c r="E148" s="3" t="s">
        <v>593</v>
      </c>
      <c r="F148" s="3">
        <v>0</v>
      </c>
    </row>
    <row r="149" spans="2:6" x14ac:dyDescent="0.25">
      <c r="B149" s="1" t="s">
        <v>448</v>
      </c>
      <c r="C149" s="1">
        <v>2020</v>
      </c>
      <c r="D149" s="1" t="s">
        <v>405</v>
      </c>
      <c r="E149" s="3" t="s">
        <v>593</v>
      </c>
      <c r="F149" s="3">
        <v>0</v>
      </c>
    </row>
    <row r="150" spans="2:6" x14ac:dyDescent="0.25">
      <c r="B150" s="1" t="s">
        <v>448</v>
      </c>
      <c r="C150" s="1">
        <v>2020</v>
      </c>
      <c r="D150" s="1" t="s">
        <v>409</v>
      </c>
      <c r="E150" s="3" t="s">
        <v>593</v>
      </c>
      <c r="F150" s="3">
        <v>0</v>
      </c>
    </row>
    <row r="151" spans="2:6" x14ac:dyDescent="0.25">
      <c r="B151" s="1" t="s">
        <v>448</v>
      </c>
      <c r="C151" s="1">
        <v>2020</v>
      </c>
      <c r="D151" s="1" t="s">
        <v>410</v>
      </c>
      <c r="E151" s="3" t="s">
        <v>595</v>
      </c>
      <c r="F151" s="3">
        <v>0</v>
      </c>
    </row>
    <row r="152" spans="2:6" x14ac:dyDescent="0.25">
      <c r="B152" s="1" t="s">
        <v>448</v>
      </c>
      <c r="C152" s="1">
        <v>2020</v>
      </c>
      <c r="D152" s="1" t="s">
        <v>415</v>
      </c>
      <c r="E152" s="3" t="s">
        <v>595</v>
      </c>
      <c r="F152" s="3">
        <v>0</v>
      </c>
    </row>
    <row r="153" spans="2:6" x14ac:dyDescent="0.25">
      <c r="B153" s="1" t="s">
        <v>448</v>
      </c>
      <c r="C153" s="1">
        <v>2020</v>
      </c>
      <c r="D153" s="1" t="s">
        <v>419</v>
      </c>
      <c r="E153" s="3" t="s">
        <v>595</v>
      </c>
      <c r="F153" s="3">
        <v>0</v>
      </c>
    </row>
    <row r="154" spans="2:6" x14ac:dyDescent="0.25">
      <c r="B154" s="1" t="s">
        <v>446</v>
      </c>
      <c r="C154" s="1">
        <v>2020</v>
      </c>
      <c r="D154" s="1" t="s">
        <v>421</v>
      </c>
      <c r="E154" s="3" t="s">
        <v>595</v>
      </c>
      <c r="F154" s="3">
        <v>0</v>
      </c>
    </row>
    <row r="155" spans="2:6" x14ac:dyDescent="0.25">
      <c r="B155" s="1" t="s">
        <v>448</v>
      </c>
      <c r="C155" s="1">
        <v>2020</v>
      </c>
      <c r="D155" s="1" t="s">
        <v>422</v>
      </c>
      <c r="E155" s="3" t="s">
        <v>595</v>
      </c>
      <c r="F155" s="3">
        <v>0</v>
      </c>
    </row>
    <row r="156" spans="2:6" x14ac:dyDescent="0.25">
      <c r="B156" s="1" t="s">
        <v>448</v>
      </c>
      <c r="C156" s="1">
        <v>2020</v>
      </c>
      <c r="D156" s="1" t="s">
        <v>426</v>
      </c>
      <c r="E156" s="3" t="s">
        <v>596</v>
      </c>
      <c r="F156" s="3">
        <v>0</v>
      </c>
    </row>
    <row r="157" spans="2:6" x14ac:dyDescent="0.25">
      <c r="B157" s="1" t="s">
        <v>448</v>
      </c>
      <c r="C157" s="1">
        <v>2020</v>
      </c>
      <c r="D157" s="1" t="s">
        <v>427</v>
      </c>
      <c r="E157" s="3" t="s">
        <v>596</v>
      </c>
      <c r="F157" s="3">
        <v>0</v>
      </c>
    </row>
    <row r="158" spans="2:6" x14ac:dyDescent="0.25">
      <c r="B158" s="1" t="s">
        <v>448</v>
      </c>
      <c r="C158" s="1">
        <v>2020</v>
      </c>
      <c r="D158" s="1" t="s">
        <v>430</v>
      </c>
      <c r="E158" s="3" t="s">
        <v>596</v>
      </c>
      <c r="F158" s="3">
        <v>0</v>
      </c>
    </row>
    <row r="159" spans="2:6" x14ac:dyDescent="0.25">
      <c r="B159" s="1" t="s">
        <v>445</v>
      </c>
      <c r="C159" s="1">
        <v>2019</v>
      </c>
      <c r="D159" s="1" t="s">
        <v>1</v>
      </c>
      <c r="E159" s="3" t="s">
        <v>593</v>
      </c>
      <c r="F159" s="3">
        <v>4619.6793973743588</v>
      </c>
    </row>
    <row r="160" spans="2:6" x14ac:dyDescent="0.25">
      <c r="B160" s="1" t="s">
        <v>445</v>
      </c>
      <c r="C160" s="1">
        <v>2019</v>
      </c>
      <c r="D160" s="1" t="s">
        <v>2</v>
      </c>
      <c r="E160" s="3" t="s">
        <v>594</v>
      </c>
      <c r="F160" s="3">
        <v>185000</v>
      </c>
    </row>
    <row r="161" spans="2:6" x14ac:dyDescent="0.25">
      <c r="B161" s="1" t="s">
        <v>445</v>
      </c>
      <c r="C161" s="1">
        <v>2019</v>
      </c>
      <c r="D161" s="1" t="s">
        <v>5</v>
      </c>
      <c r="E161" s="3" t="s">
        <v>593</v>
      </c>
      <c r="F161" s="3">
        <v>26327.012404692308</v>
      </c>
    </row>
    <row r="162" spans="2:6" x14ac:dyDescent="0.25">
      <c r="B162" s="1" t="s">
        <v>445</v>
      </c>
      <c r="C162" s="1">
        <v>2019</v>
      </c>
      <c r="D162" s="1" t="s">
        <v>15</v>
      </c>
      <c r="E162" s="3" t="s">
        <v>593</v>
      </c>
      <c r="F162" s="3">
        <v>10662.634892800001</v>
      </c>
    </row>
    <row r="163" spans="2:6" x14ac:dyDescent="0.25">
      <c r="B163" s="1" t="s">
        <v>445</v>
      </c>
      <c r="C163" s="1">
        <v>2019</v>
      </c>
      <c r="D163" s="1" t="s">
        <v>18</v>
      </c>
      <c r="E163" s="3" t="s">
        <v>593</v>
      </c>
      <c r="F163" s="3">
        <v>9907.8973939999996</v>
      </c>
    </row>
    <row r="164" spans="2:6" x14ac:dyDescent="0.25">
      <c r="B164" s="1" t="s">
        <v>445</v>
      </c>
      <c r="C164" s="1">
        <v>2019</v>
      </c>
      <c r="D164" s="1" t="s">
        <v>28</v>
      </c>
      <c r="E164" s="3" t="s">
        <v>593</v>
      </c>
      <c r="F164" s="3">
        <v>969.38547312997343</v>
      </c>
    </row>
    <row r="165" spans="2:6" x14ac:dyDescent="0.25">
      <c r="B165" s="1" t="s">
        <v>445</v>
      </c>
      <c r="C165" s="1">
        <v>2019</v>
      </c>
      <c r="D165" s="1" t="s">
        <v>32</v>
      </c>
      <c r="E165" s="3" t="s">
        <v>594</v>
      </c>
      <c r="F165" s="3">
        <v>42274.830746826519</v>
      </c>
    </row>
    <row r="166" spans="2:6" x14ac:dyDescent="0.25">
      <c r="B166" s="1" t="s">
        <v>445</v>
      </c>
      <c r="C166" s="1">
        <v>2019</v>
      </c>
      <c r="D166" s="1" t="s">
        <v>46</v>
      </c>
      <c r="E166" s="3" t="s">
        <v>593</v>
      </c>
      <c r="F166" s="3">
        <v>299.84526624358978</v>
      </c>
    </row>
    <row r="167" spans="2:6" x14ac:dyDescent="0.25">
      <c r="B167" s="1" t="s">
        <v>445</v>
      </c>
      <c r="C167" s="1">
        <v>2019</v>
      </c>
      <c r="D167" s="1" t="s">
        <v>47</v>
      </c>
      <c r="E167" s="3" t="s">
        <v>593</v>
      </c>
      <c r="F167" s="3">
        <v>2915.0676858080633</v>
      </c>
    </row>
    <row r="168" spans="2:6" x14ac:dyDescent="0.25">
      <c r="B168" s="1" t="s">
        <v>445</v>
      </c>
      <c r="C168" s="1">
        <v>2019</v>
      </c>
      <c r="D168" s="1" t="s">
        <v>47</v>
      </c>
      <c r="E168" s="3" t="s">
        <v>593</v>
      </c>
      <c r="F168" s="3">
        <v>2846.0347826086954</v>
      </c>
    </row>
    <row r="169" spans="2:6" x14ac:dyDescent="0.25">
      <c r="B169" s="1" t="s">
        <v>445</v>
      </c>
      <c r="C169" s="1">
        <v>2019</v>
      </c>
      <c r="D169" s="1" t="s">
        <v>48</v>
      </c>
      <c r="E169" s="3" t="s">
        <v>593</v>
      </c>
      <c r="F169" s="3">
        <v>681.86565846606345</v>
      </c>
    </row>
    <row r="170" spans="2:6" x14ac:dyDescent="0.25">
      <c r="B170" s="1" t="s">
        <v>445</v>
      </c>
      <c r="C170" s="1">
        <v>2019</v>
      </c>
      <c r="D170" s="1" t="s">
        <v>55</v>
      </c>
      <c r="E170" s="3" t="s">
        <v>593</v>
      </c>
      <c r="F170" s="3">
        <v>874.62852647619047</v>
      </c>
    </row>
    <row r="171" spans="2:6" x14ac:dyDescent="0.25">
      <c r="B171" s="1" t="s">
        <v>445</v>
      </c>
      <c r="C171" s="1">
        <v>2019</v>
      </c>
      <c r="D171" s="1" t="s">
        <v>56</v>
      </c>
      <c r="E171" s="3" t="s">
        <v>593</v>
      </c>
      <c r="F171" s="3">
        <v>2291.9592795000003</v>
      </c>
    </row>
    <row r="172" spans="2:6" x14ac:dyDescent="0.25">
      <c r="B172" s="1" t="s">
        <v>445</v>
      </c>
      <c r="C172" s="1">
        <v>2019</v>
      </c>
      <c r="D172" s="1" t="s">
        <v>57</v>
      </c>
      <c r="E172" s="3" t="s">
        <v>593</v>
      </c>
      <c r="F172" s="3">
        <v>581.00662519066668</v>
      </c>
    </row>
    <row r="173" spans="2:6" x14ac:dyDescent="0.25">
      <c r="B173" s="1" t="s">
        <v>445</v>
      </c>
      <c r="C173" s="1">
        <v>2019</v>
      </c>
      <c r="D173" s="1" t="s">
        <v>58</v>
      </c>
      <c r="E173" s="3" t="s">
        <v>595</v>
      </c>
      <c r="F173" s="3">
        <v>3183.7902119650485</v>
      </c>
    </row>
    <row r="174" spans="2:6" x14ac:dyDescent="0.25">
      <c r="B174" s="1" t="s">
        <v>445</v>
      </c>
      <c r="C174" s="1">
        <v>2019</v>
      </c>
      <c r="D174" s="1" t="s">
        <v>60</v>
      </c>
      <c r="E174" s="3" t="s">
        <v>593</v>
      </c>
      <c r="F174" s="3">
        <v>540.93468710399998</v>
      </c>
    </row>
    <row r="175" spans="2:6" x14ac:dyDescent="0.25">
      <c r="B175" s="1" t="s">
        <v>445</v>
      </c>
      <c r="C175" s="1">
        <v>2019</v>
      </c>
      <c r="D175" s="1" t="s">
        <v>61</v>
      </c>
      <c r="E175" s="3" t="s">
        <v>593</v>
      </c>
      <c r="F175" s="3">
        <v>250.30192012325583</v>
      </c>
    </row>
    <row r="176" spans="2:6" x14ac:dyDescent="0.25">
      <c r="B176" s="1" t="s">
        <v>445</v>
      </c>
      <c r="C176" s="1">
        <v>2019</v>
      </c>
      <c r="D176" s="1" t="s">
        <v>65</v>
      </c>
      <c r="E176" s="3" t="s">
        <v>593</v>
      </c>
      <c r="F176" s="3">
        <v>341.92499849498665</v>
      </c>
    </row>
    <row r="177" spans="2:6" x14ac:dyDescent="0.25">
      <c r="B177" s="1" t="s">
        <v>445</v>
      </c>
      <c r="C177" s="1">
        <v>2019</v>
      </c>
      <c r="D177" s="1" t="s">
        <v>72</v>
      </c>
      <c r="E177" s="3" t="s">
        <v>593</v>
      </c>
      <c r="F177" s="3">
        <v>551.53074806999996</v>
      </c>
    </row>
    <row r="178" spans="2:6" x14ac:dyDescent="0.25">
      <c r="B178" s="1" t="s">
        <v>445</v>
      </c>
      <c r="C178" s="1">
        <v>2019</v>
      </c>
      <c r="D178" s="1" t="s">
        <v>74</v>
      </c>
      <c r="E178" s="3" t="s">
        <v>595</v>
      </c>
      <c r="F178" s="3">
        <v>2288.1322444678608</v>
      </c>
    </row>
    <row r="179" spans="2:6" x14ac:dyDescent="0.25">
      <c r="B179" s="1" t="s">
        <v>445</v>
      </c>
      <c r="C179" s="1">
        <v>2019</v>
      </c>
      <c r="D179" s="1" t="s">
        <v>76</v>
      </c>
      <c r="E179" s="3" t="s">
        <v>593</v>
      </c>
      <c r="F179" s="3">
        <v>56.702943787139688</v>
      </c>
    </row>
    <row r="180" spans="2:6" x14ac:dyDescent="0.25">
      <c r="B180" s="1" t="s">
        <v>445</v>
      </c>
      <c r="C180" s="1">
        <v>2019</v>
      </c>
      <c r="D180" s="1" t="s">
        <v>79</v>
      </c>
      <c r="E180" s="3" t="s">
        <v>595</v>
      </c>
      <c r="F180" s="3">
        <v>2187.9372109736842</v>
      </c>
    </row>
    <row r="181" spans="2:6" x14ac:dyDescent="0.25">
      <c r="B181" s="1" t="s">
        <v>445</v>
      </c>
      <c r="C181" s="1">
        <v>2019</v>
      </c>
      <c r="D181" s="1" t="s">
        <v>80</v>
      </c>
      <c r="E181" s="3" t="s">
        <v>593</v>
      </c>
      <c r="F181" s="3">
        <v>279.06290268421054</v>
      </c>
    </row>
    <row r="182" spans="2:6" x14ac:dyDescent="0.25">
      <c r="B182" s="1" t="s">
        <v>445</v>
      </c>
      <c r="C182" s="1">
        <v>2019</v>
      </c>
      <c r="D182" s="1" t="s">
        <v>83</v>
      </c>
      <c r="E182" s="3" t="s">
        <v>593</v>
      </c>
      <c r="F182" s="3">
        <v>528.65749148347822</v>
      </c>
    </row>
    <row r="183" spans="2:6" x14ac:dyDescent="0.25">
      <c r="B183" s="1" t="s">
        <v>445</v>
      </c>
      <c r="C183" s="1">
        <v>2019</v>
      </c>
      <c r="D183" s="1" t="s">
        <v>91</v>
      </c>
      <c r="E183" s="3" t="s">
        <v>593</v>
      </c>
      <c r="F183" s="3">
        <v>73.314795399999994</v>
      </c>
    </row>
    <row r="184" spans="2:6" x14ac:dyDescent="0.25">
      <c r="B184" s="1" t="s">
        <v>445</v>
      </c>
      <c r="C184" s="1">
        <v>2019</v>
      </c>
      <c r="D184" s="1" t="s">
        <v>93</v>
      </c>
      <c r="E184" s="3" t="s">
        <v>593</v>
      </c>
      <c r="F184" s="3">
        <v>99.022935945945946</v>
      </c>
    </row>
    <row r="185" spans="2:6" x14ac:dyDescent="0.25">
      <c r="B185" s="1" t="s">
        <v>445</v>
      </c>
      <c r="C185" s="1">
        <v>2019</v>
      </c>
      <c r="D185" s="1" t="s">
        <v>94</v>
      </c>
      <c r="E185" s="3" t="s">
        <v>593</v>
      </c>
      <c r="F185" s="3">
        <v>435.26440052830191</v>
      </c>
    </row>
    <row r="186" spans="2:6" x14ac:dyDescent="0.25">
      <c r="B186" s="1" t="s">
        <v>446</v>
      </c>
      <c r="C186" s="1">
        <v>2019</v>
      </c>
      <c r="D186" s="1" t="s">
        <v>96</v>
      </c>
      <c r="E186" s="3" t="s">
        <v>593</v>
      </c>
      <c r="F186" s="3">
        <v>49.145071017391309</v>
      </c>
    </row>
    <row r="187" spans="2:6" x14ac:dyDescent="0.25">
      <c r="B187" s="1" t="s">
        <v>446</v>
      </c>
      <c r="C187" s="1">
        <v>2019</v>
      </c>
      <c r="D187" s="1" t="s">
        <v>100</v>
      </c>
      <c r="E187" s="3" t="s">
        <v>593</v>
      </c>
      <c r="F187" s="3">
        <v>507.43445025</v>
      </c>
    </row>
    <row r="188" spans="2:6" x14ac:dyDescent="0.25">
      <c r="B188" s="1" t="s">
        <v>446</v>
      </c>
      <c r="C188" s="1">
        <v>2019</v>
      </c>
      <c r="D188" s="1" t="s">
        <v>106</v>
      </c>
      <c r="E188" s="3" t="s">
        <v>593</v>
      </c>
      <c r="F188" s="3">
        <v>45.974184493333333</v>
      </c>
    </row>
    <row r="189" spans="2:6" x14ac:dyDescent="0.25">
      <c r="B189" s="1" t="s">
        <v>447</v>
      </c>
      <c r="C189" s="1">
        <v>2019</v>
      </c>
      <c r="D189" s="1" t="s">
        <v>113</v>
      </c>
      <c r="E189" s="3" t="s">
        <v>593</v>
      </c>
      <c r="F189" s="3">
        <v>163.57053451923076</v>
      </c>
    </row>
    <row r="190" spans="2:6" x14ac:dyDescent="0.25">
      <c r="B190" s="1" t="s">
        <v>447</v>
      </c>
      <c r="C190" s="1">
        <v>2019</v>
      </c>
      <c r="D190" s="1" t="s">
        <v>117</v>
      </c>
      <c r="E190" s="3" t="s">
        <v>595</v>
      </c>
      <c r="F190" s="3">
        <v>569.8767035780935</v>
      </c>
    </row>
    <row r="191" spans="2:6" x14ac:dyDescent="0.25">
      <c r="B191" s="1" t="s">
        <v>447</v>
      </c>
      <c r="C191" s="1">
        <v>2019</v>
      </c>
      <c r="D191" s="1" t="s">
        <v>117</v>
      </c>
      <c r="E191" s="3" t="s">
        <v>593</v>
      </c>
      <c r="F191" s="3">
        <v>5.3916495542242986</v>
      </c>
    </row>
    <row r="192" spans="2:6" x14ac:dyDescent="0.25">
      <c r="B192" s="1" t="s">
        <v>445</v>
      </c>
      <c r="C192" s="1">
        <v>2019</v>
      </c>
      <c r="D192" s="1" t="s">
        <v>121</v>
      </c>
      <c r="E192" s="3" t="s">
        <v>593</v>
      </c>
      <c r="F192" s="3">
        <v>69.533695472999995</v>
      </c>
    </row>
    <row r="193" spans="2:6" x14ac:dyDescent="0.25">
      <c r="B193" s="1" t="s">
        <v>445</v>
      </c>
      <c r="C193" s="1">
        <v>2019</v>
      </c>
      <c r="D193" s="1" t="s">
        <v>125</v>
      </c>
      <c r="E193" s="3" t="s">
        <v>593</v>
      </c>
      <c r="F193" s="3">
        <v>17.704965066101696</v>
      </c>
    </row>
    <row r="194" spans="2:6" x14ac:dyDescent="0.25">
      <c r="B194" s="1" t="s">
        <v>445</v>
      </c>
      <c r="C194" s="1">
        <v>2019</v>
      </c>
      <c r="D194" s="1" t="s">
        <v>126</v>
      </c>
      <c r="E194" s="3" t="s">
        <v>593</v>
      </c>
      <c r="F194" s="3">
        <v>28.8423786144375</v>
      </c>
    </row>
    <row r="195" spans="2:6" x14ac:dyDescent="0.25">
      <c r="B195" s="1" t="s">
        <v>445</v>
      </c>
      <c r="C195" s="1">
        <v>2019</v>
      </c>
      <c r="D195" s="1" t="s">
        <v>131</v>
      </c>
      <c r="E195" s="3" t="s">
        <v>593</v>
      </c>
      <c r="F195" s="3">
        <v>32.625</v>
      </c>
    </row>
    <row r="196" spans="2:6" x14ac:dyDescent="0.25">
      <c r="B196" s="1" t="s">
        <v>447</v>
      </c>
      <c r="C196" s="1">
        <v>2019</v>
      </c>
      <c r="D196" s="1" t="s">
        <v>133</v>
      </c>
      <c r="E196" s="3" t="s">
        <v>596</v>
      </c>
      <c r="F196" s="3">
        <v>128.00053387384884</v>
      </c>
    </row>
    <row r="197" spans="2:6" x14ac:dyDescent="0.25">
      <c r="B197" s="1" t="s">
        <v>446</v>
      </c>
      <c r="C197" s="1">
        <v>2019</v>
      </c>
      <c r="D197" s="1" t="s">
        <v>142</v>
      </c>
      <c r="E197" s="3" t="s">
        <v>593</v>
      </c>
      <c r="F197" s="3">
        <v>0</v>
      </c>
    </row>
    <row r="198" spans="2:6" x14ac:dyDescent="0.25">
      <c r="B198" s="1" t="s">
        <v>446</v>
      </c>
      <c r="C198" s="1">
        <v>2019</v>
      </c>
      <c r="D198" s="1" t="s">
        <v>142</v>
      </c>
      <c r="E198" s="3" t="s">
        <v>593</v>
      </c>
      <c r="F198" s="3">
        <v>0</v>
      </c>
    </row>
    <row r="199" spans="2:6" x14ac:dyDescent="0.25">
      <c r="B199" s="1" t="s">
        <v>445</v>
      </c>
      <c r="C199" s="1">
        <v>2019</v>
      </c>
      <c r="D199" s="1" t="s">
        <v>144</v>
      </c>
      <c r="E199" s="3" t="s">
        <v>593</v>
      </c>
      <c r="F199" s="3">
        <v>0</v>
      </c>
    </row>
    <row r="200" spans="2:6" x14ac:dyDescent="0.25">
      <c r="B200" s="1" t="s">
        <v>448</v>
      </c>
      <c r="C200" s="1">
        <v>2019</v>
      </c>
      <c r="D200" s="1" t="s">
        <v>145</v>
      </c>
      <c r="E200" s="3" t="s">
        <v>593</v>
      </c>
      <c r="F200" s="3">
        <v>0</v>
      </c>
    </row>
    <row r="201" spans="2:6" x14ac:dyDescent="0.25">
      <c r="B201" s="1" t="s">
        <v>448</v>
      </c>
      <c r="C201" s="1">
        <v>2019</v>
      </c>
      <c r="D201" s="1" t="s">
        <v>155</v>
      </c>
      <c r="E201" s="3" t="s">
        <v>593</v>
      </c>
      <c r="F201" s="3">
        <v>0</v>
      </c>
    </row>
    <row r="202" spans="2:6" x14ac:dyDescent="0.25">
      <c r="B202" s="1" t="s">
        <v>448</v>
      </c>
      <c r="C202" s="1">
        <v>2019</v>
      </c>
      <c r="D202" s="1" t="s">
        <v>159</v>
      </c>
      <c r="E202" s="3" t="s">
        <v>593</v>
      </c>
      <c r="F202" s="3">
        <v>0</v>
      </c>
    </row>
    <row r="203" spans="2:6" x14ac:dyDescent="0.25">
      <c r="B203" s="1" t="s">
        <v>445</v>
      </c>
      <c r="C203" s="1">
        <v>2019</v>
      </c>
      <c r="D203" s="1" t="s">
        <v>164</v>
      </c>
      <c r="E203" s="3" t="s">
        <v>593</v>
      </c>
      <c r="F203" s="3">
        <v>0</v>
      </c>
    </row>
    <row r="204" spans="2:6" x14ac:dyDescent="0.25">
      <c r="B204" s="1" t="s">
        <v>448</v>
      </c>
      <c r="C204" s="1">
        <v>2019</v>
      </c>
      <c r="D204" s="1" t="s">
        <v>167</v>
      </c>
      <c r="E204" s="3" t="s">
        <v>593</v>
      </c>
      <c r="F204" s="3">
        <v>0</v>
      </c>
    </row>
    <row r="205" spans="2:6" x14ac:dyDescent="0.25">
      <c r="B205" s="1" t="s">
        <v>445</v>
      </c>
      <c r="C205" s="1">
        <v>2019</v>
      </c>
      <c r="D205" s="1" t="s">
        <v>170</v>
      </c>
      <c r="E205" s="3" t="s">
        <v>593</v>
      </c>
      <c r="F205" s="3">
        <v>0</v>
      </c>
    </row>
    <row r="206" spans="2:6" x14ac:dyDescent="0.25">
      <c r="B206" s="1" t="s">
        <v>448</v>
      </c>
      <c r="C206" s="1">
        <v>2019</v>
      </c>
      <c r="D206" s="1" t="s">
        <v>172</v>
      </c>
      <c r="E206" s="3" t="s">
        <v>593</v>
      </c>
      <c r="F206" s="3">
        <v>0</v>
      </c>
    </row>
    <row r="207" spans="2:6" x14ac:dyDescent="0.25">
      <c r="B207" s="1" t="s">
        <v>445</v>
      </c>
      <c r="C207" s="1">
        <v>2019</v>
      </c>
      <c r="D207" s="1" t="s">
        <v>179</v>
      </c>
      <c r="E207" s="3" t="s">
        <v>593</v>
      </c>
      <c r="F207" s="3">
        <v>0</v>
      </c>
    </row>
    <row r="208" spans="2:6" x14ac:dyDescent="0.25">
      <c r="B208" s="1" t="s">
        <v>448</v>
      </c>
      <c r="C208" s="1">
        <v>2019</v>
      </c>
      <c r="D208" s="1" t="s">
        <v>186</v>
      </c>
      <c r="E208" s="3" t="s">
        <v>593</v>
      </c>
      <c r="F208" s="3">
        <v>0</v>
      </c>
    </row>
    <row r="209" spans="2:6" x14ac:dyDescent="0.25">
      <c r="B209" s="1" t="s">
        <v>448</v>
      </c>
      <c r="C209" s="1">
        <v>2019</v>
      </c>
      <c r="D209" s="1" t="s">
        <v>187</v>
      </c>
      <c r="E209" s="3" t="s">
        <v>593</v>
      </c>
      <c r="F209" s="3">
        <v>0</v>
      </c>
    </row>
    <row r="210" spans="2:6" x14ac:dyDescent="0.25">
      <c r="B210" s="1" t="s">
        <v>448</v>
      </c>
      <c r="C210" s="1">
        <v>2019</v>
      </c>
      <c r="D210" s="1" t="s">
        <v>190</v>
      </c>
      <c r="E210" s="3" t="s">
        <v>593</v>
      </c>
      <c r="F210" s="3">
        <v>0</v>
      </c>
    </row>
    <row r="211" spans="2:6" x14ac:dyDescent="0.25">
      <c r="B211" s="1" t="s">
        <v>445</v>
      </c>
      <c r="C211" s="1">
        <v>2019</v>
      </c>
      <c r="D211" s="1" t="s">
        <v>197</v>
      </c>
      <c r="E211" s="3" t="s">
        <v>593</v>
      </c>
      <c r="F211" s="3">
        <v>0</v>
      </c>
    </row>
    <row r="212" spans="2:6" x14ac:dyDescent="0.25">
      <c r="B212" s="1" t="s">
        <v>448</v>
      </c>
      <c r="C212" s="1">
        <v>2019</v>
      </c>
      <c r="D212" s="1" t="s">
        <v>201</v>
      </c>
      <c r="E212" s="3" t="s">
        <v>593</v>
      </c>
      <c r="F212" s="3">
        <v>0</v>
      </c>
    </row>
    <row r="213" spans="2:6" x14ac:dyDescent="0.25">
      <c r="B213" s="1" t="s">
        <v>448</v>
      </c>
      <c r="C213" s="1">
        <v>2019</v>
      </c>
      <c r="D213" s="1" t="s">
        <v>203</v>
      </c>
      <c r="E213" s="3" t="s">
        <v>593</v>
      </c>
      <c r="F213" s="3">
        <v>0</v>
      </c>
    </row>
    <row r="214" spans="2:6" x14ac:dyDescent="0.25">
      <c r="B214" s="1" t="s">
        <v>445</v>
      </c>
      <c r="C214" s="1">
        <v>2019</v>
      </c>
      <c r="D214" s="1" t="s">
        <v>209</v>
      </c>
      <c r="E214" s="3" t="s">
        <v>593</v>
      </c>
      <c r="F214" s="3">
        <v>0</v>
      </c>
    </row>
    <row r="215" spans="2:6" x14ac:dyDescent="0.25">
      <c r="B215" s="1" t="s">
        <v>448</v>
      </c>
      <c r="C215" s="1">
        <v>2019</v>
      </c>
      <c r="D215" s="1" t="s">
        <v>212</v>
      </c>
      <c r="E215" s="3" t="s">
        <v>593</v>
      </c>
      <c r="F215" s="3">
        <v>0</v>
      </c>
    </row>
    <row r="216" spans="2:6" x14ac:dyDescent="0.25">
      <c r="B216" s="1" t="s">
        <v>448</v>
      </c>
      <c r="C216" s="1">
        <v>2019</v>
      </c>
      <c r="D216" s="1" t="s">
        <v>222</v>
      </c>
      <c r="E216" s="3" t="s">
        <v>593</v>
      </c>
      <c r="F216" s="3">
        <v>0</v>
      </c>
    </row>
    <row r="217" spans="2:6" x14ac:dyDescent="0.25">
      <c r="B217" s="1" t="s">
        <v>448</v>
      </c>
      <c r="C217" s="1">
        <v>2019</v>
      </c>
      <c r="D217" s="1" t="s">
        <v>223</v>
      </c>
      <c r="E217" s="3" t="s">
        <v>593</v>
      </c>
      <c r="F217" s="3">
        <v>0</v>
      </c>
    </row>
    <row r="218" spans="2:6" x14ac:dyDescent="0.25">
      <c r="B218" s="1" t="s">
        <v>448</v>
      </c>
      <c r="C218" s="1">
        <v>2019</v>
      </c>
      <c r="D218" s="1" t="s">
        <v>224</v>
      </c>
      <c r="E218" s="3" t="s">
        <v>593</v>
      </c>
      <c r="F218" s="3">
        <v>0</v>
      </c>
    </row>
    <row r="219" spans="2:6" x14ac:dyDescent="0.25">
      <c r="B219" s="1" t="s">
        <v>445</v>
      </c>
      <c r="C219" s="1">
        <v>2019</v>
      </c>
      <c r="D219" s="1" t="s">
        <v>226</v>
      </c>
      <c r="E219" s="3" t="s">
        <v>593</v>
      </c>
      <c r="F219" s="3">
        <v>0</v>
      </c>
    </row>
    <row r="220" spans="2:6" x14ac:dyDescent="0.25">
      <c r="B220" s="1" t="s">
        <v>448</v>
      </c>
      <c r="C220" s="1">
        <v>2019</v>
      </c>
      <c r="D220" s="1" t="s">
        <v>214</v>
      </c>
      <c r="E220" s="3" t="s">
        <v>593</v>
      </c>
      <c r="F220" s="3">
        <v>0</v>
      </c>
    </row>
    <row r="221" spans="2:6" x14ac:dyDescent="0.25">
      <c r="B221" s="1" t="s">
        <v>448</v>
      </c>
      <c r="C221" s="1">
        <v>2019</v>
      </c>
      <c r="D221" s="1" t="s">
        <v>225</v>
      </c>
      <c r="E221" s="3" t="s">
        <v>593</v>
      </c>
      <c r="F221" s="3">
        <v>0</v>
      </c>
    </row>
    <row r="222" spans="2:6" x14ac:dyDescent="0.25">
      <c r="B222" s="1" t="s">
        <v>448</v>
      </c>
      <c r="C222" s="1">
        <v>2019</v>
      </c>
      <c r="D222" s="1" t="s">
        <v>234</v>
      </c>
      <c r="E222" s="3" t="s">
        <v>593</v>
      </c>
      <c r="F222" s="3">
        <v>0</v>
      </c>
    </row>
    <row r="223" spans="2:6" x14ac:dyDescent="0.25">
      <c r="B223" s="1" t="s">
        <v>448</v>
      </c>
      <c r="C223" s="1">
        <v>2019</v>
      </c>
      <c r="D223" s="1" t="s">
        <v>239</v>
      </c>
      <c r="E223" s="3" t="s">
        <v>593</v>
      </c>
      <c r="F223" s="3">
        <v>0</v>
      </c>
    </row>
    <row r="224" spans="2:6" x14ac:dyDescent="0.25">
      <c r="B224" s="1" t="s">
        <v>448</v>
      </c>
      <c r="C224" s="1">
        <v>2019</v>
      </c>
      <c r="D224" s="1" t="s">
        <v>246</v>
      </c>
      <c r="E224" s="3" t="s">
        <v>593</v>
      </c>
      <c r="F224" s="3">
        <v>0</v>
      </c>
    </row>
    <row r="225" spans="2:6" x14ac:dyDescent="0.25">
      <c r="B225" s="1" t="s">
        <v>448</v>
      </c>
      <c r="C225" s="1">
        <v>2019</v>
      </c>
      <c r="D225" s="1" t="s">
        <v>253</v>
      </c>
      <c r="E225" s="3" t="s">
        <v>593</v>
      </c>
      <c r="F225" s="3">
        <v>0</v>
      </c>
    </row>
    <row r="226" spans="2:6" x14ac:dyDescent="0.25">
      <c r="B226" s="1" t="s">
        <v>448</v>
      </c>
      <c r="C226" s="1">
        <v>2019</v>
      </c>
      <c r="D226" s="1" t="s">
        <v>225</v>
      </c>
      <c r="E226" s="3" t="s">
        <v>593</v>
      </c>
      <c r="F226" s="3">
        <v>0</v>
      </c>
    </row>
    <row r="227" spans="2:6" x14ac:dyDescent="0.25">
      <c r="B227" s="1" t="s">
        <v>448</v>
      </c>
      <c r="C227" s="1">
        <v>2019</v>
      </c>
      <c r="D227" s="1" t="s">
        <v>260</v>
      </c>
      <c r="E227" s="3" t="s">
        <v>593</v>
      </c>
      <c r="F227" s="3">
        <v>0</v>
      </c>
    </row>
    <row r="228" spans="2:6" x14ac:dyDescent="0.25">
      <c r="B228" s="1" t="s">
        <v>448</v>
      </c>
      <c r="C228" s="1">
        <v>2019</v>
      </c>
      <c r="D228" s="1" t="s">
        <v>263</v>
      </c>
      <c r="E228" s="3" t="s">
        <v>593</v>
      </c>
      <c r="F228" s="3">
        <v>0</v>
      </c>
    </row>
    <row r="229" spans="2:6" x14ac:dyDescent="0.25">
      <c r="B229" s="1" t="s">
        <v>448</v>
      </c>
      <c r="C229" s="1">
        <v>2019</v>
      </c>
      <c r="D229" s="1" t="s">
        <v>271</v>
      </c>
      <c r="E229" s="3" t="s">
        <v>593</v>
      </c>
      <c r="F229" s="3">
        <v>0</v>
      </c>
    </row>
    <row r="230" spans="2:6" x14ac:dyDescent="0.25">
      <c r="B230" s="1" t="s">
        <v>448</v>
      </c>
      <c r="C230" s="1">
        <v>2019</v>
      </c>
      <c r="D230" s="1" t="s">
        <v>272</v>
      </c>
      <c r="E230" s="3" t="s">
        <v>593</v>
      </c>
      <c r="F230" s="3">
        <v>0</v>
      </c>
    </row>
    <row r="231" spans="2:6" x14ac:dyDescent="0.25">
      <c r="B231" s="1" t="s">
        <v>448</v>
      </c>
      <c r="C231" s="1">
        <v>2019</v>
      </c>
      <c r="D231" s="1" t="s">
        <v>275</v>
      </c>
      <c r="E231" s="3" t="s">
        <v>593</v>
      </c>
      <c r="F231" s="3">
        <v>0</v>
      </c>
    </row>
    <row r="232" spans="2:6" x14ac:dyDescent="0.25">
      <c r="B232" s="1" t="s">
        <v>448</v>
      </c>
      <c r="C232" s="1">
        <v>2019</v>
      </c>
      <c r="D232" s="1" t="s">
        <v>284</v>
      </c>
      <c r="E232" s="3" t="s">
        <v>593</v>
      </c>
      <c r="F232" s="3">
        <v>0</v>
      </c>
    </row>
    <row r="233" spans="2:6" x14ac:dyDescent="0.25">
      <c r="B233" s="1" t="s">
        <v>448</v>
      </c>
      <c r="C233" s="1">
        <v>2019</v>
      </c>
      <c r="D233" s="1" t="s">
        <v>286</v>
      </c>
      <c r="E233" s="3" t="s">
        <v>593</v>
      </c>
      <c r="F233" s="3">
        <v>0</v>
      </c>
    </row>
    <row r="234" spans="2:6" x14ac:dyDescent="0.25">
      <c r="B234" s="1" t="s">
        <v>448</v>
      </c>
      <c r="C234" s="1">
        <v>2019</v>
      </c>
      <c r="D234" s="1" t="s">
        <v>287</v>
      </c>
      <c r="E234" s="3" t="s">
        <v>593</v>
      </c>
      <c r="F234" s="3">
        <v>0</v>
      </c>
    </row>
    <row r="235" spans="2:6" x14ac:dyDescent="0.25">
      <c r="B235" s="1" t="s">
        <v>448</v>
      </c>
      <c r="C235" s="1">
        <v>2019</v>
      </c>
      <c r="D235" s="1" t="s">
        <v>293</v>
      </c>
      <c r="E235" s="3" t="s">
        <v>593</v>
      </c>
      <c r="F235" s="3">
        <v>0</v>
      </c>
    </row>
    <row r="236" spans="2:6" x14ac:dyDescent="0.25">
      <c r="B236" s="1" t="s">
        <v>448</v>
      </c>
      <c r="C236" s="1">
        <v>2019</v>
      </c>
      <c r="D236" s="1" t="s">
        <v>300</v>
      </c>
      <c r="E236" s="3" t="s">
        <v>593</v>
      </c>
      <c r="F236" s="3">
        <v>0</v>
      </c>
    </row>
    <row r="237" spans="2:6" x14ac:dyDescent="0.25">
      <c r="B237" s="1" t="s">
        <v>448</v>
      </c>
      <c r="C237" s="1">
        <v>2019</v>
      </c>
      <c r="D237" s="1" t="s">
        <v>301</v>
      </c>
      <c r="E237" s="3" t="s">
        <v>593</v>
      </c>
      <c r="F237" s="3">
        <v>0</v>
      </c>
    </row>
    <row r="238" spans="2:6" x14ac:dyDescent="0.25">
      <c r="B238" s="1" t="s">
        <v>445</v>
      </c>
      <c r="C238" s="1">
        <v>2019</v>
      </c>
      <c r="D238" s="1" t="s">
        <v>302</v>
      </c>
      <c r="E238" s="3" t="s">
        <v>593</v>
      </c>
      <c r="F238" s="3">
        <v>0</v>
      </c>
    </row>
    <row r="239" spans="2:6" x14ac:dyDescent="0.25">
      <c r="B239" s="1" t="s">
        <v>448</v>
      </c>
      <c r="C239" s="1">
        <v>2019</v>
      </c>
      <c r="D239" s="1" t="s">
        <v>314</v>
      </c>
      <c r="E239" s="3" t="s">
        <v>593</v>
      </c>
      <c r="F239" s="3">
        <v>0</v>
      </c>
    </row>
    <row r="240" spans="2:6" x14ac:dyDescent="0.25">
      <c r="B240" s="1" t="s">
        <v>448</v>
      </c>
      <c r="C240" s="1">
        <v>2019</v>
      </c>
      <c r="D240" s="1" t="s">
        <v>315</v>
      </c>
      <c r="E240" s="3" t="s">
        <v>593</v>
      </c>
      <c r="F240" s="3">
        <v>0</v>
      </c>
    </row>
    <row r="241" spans="2:6" x14ac:dyDescent="0.25">
      <c r="B241" s="1" t="s">
        <v>445</v>
      </c>
      <c r="C241" s="1">
        <v>2019</v>
      </c>
      <c r="D241" s="1" t="s">
        <v>316</v>
      </c>
      <c r="E241" s="3" t="s">
        <v>593</v>
      </c>
      <c r="F241" s="3">
        <v>0</v>
      </c>
    </row>
    <row r="242" spans="2:6" x14ac:dyDescent="0.25">
      <c r="B242" s="1" t="s">
        <v>448</v>
      </c>
      <c r="C242" s="1">
        <v>2019</v>
      </c>
      <c r="D242" s="1" t="s">
        <v>324</v>
      </c>
      <c r="E242" s="3" t="s">
        <v>593</v>
      </c>
      <c r="F242" s="3">
        <v>0</v>
      </c>
    </row>
    <row r="243" spans="2:6" x14ac:dyDescent="0.25">
      <c r="B243" s="1" t="s">
        <v>448</v>
      </c>
      <c r="C243" s="1">
        <v>2019</v>
      </c>
      <c r="D243" s="1" t="s">
        <v>327</v>
      </c>
      <c r="E243" s="3" t="s">
        <v>593</v>
      </c>
      <c r="F243" s="3">
        <v>0</v>
      </c>
    </row>
    <row r="244" spans="2:6" x14ac:dyDescent="0.25">
      <c r="B244" s="1" t="s">
        <v>448</v>
      </c>
      <c r="C244" s="1">
        <v>2019</v>
      </c>
      <c r="D244" s="1" t="s">
        <v>333</v>
      </c>
      <c r="E244" s="3" t="s">
        <v>593</v>
      </c>
      <c r="F244" s="3">
        <v>0</v>
      </c>
    </row>
    <row r="245" spans="2:6" x14ac:dyDescent="0.25">
      <c r="B245" s="1" t="s">
        <v>448</v>
      </c>
      <c r="C245" s="1">
        <v>2019</v>
      </c>
      <c r="D245" s="1" t="s">
        <v>340</v>
      </c>
      <c r="E245" s="3" t="s">
        <v>593</v>
      </c>
      <c r="F245" s="3">
        <v>0</v>
      </c>
    </row>
    <row r="246" spans="2:6" x14ac:dyDescent="0.25">
      <c r="B246" s="1" t="s">
        <v>448</v>
      </c>
      <c r="C246" s="1">
        <v>2019</v>
      </c>
      <c r="D246" s="1" t="s">
        <v>342</v>
      </c>
      <c r="E246" s="3" t="s">
        <v>593</v>
      </c>
      <c r="F246" s="3">
        <v>0</v>
      </c>
    </row>
    <row r="247" spans="2:6" x14ac:dyDescent="0.25">
      <c r="B247" s="1" t="s">
        <v>445</v>
      </c>
      <c r="C247" s="1">
        <v>2019</v>
      </c>
      <c r="D247" s="1" t="s">
        <v>353</v>
      </c>
      <c r="E247" s="3" t="s">
        <v>593</v>
      </c>
      <c r="F247" s="3">
        <v>0</v>
      </c>
    </row>
    <row r="248" spans="2:6" x14ac:dyDescent="0.25">
      <c r="B248" s="1" t="s">
        <v>445</v>
      </c>
      <c r="C248" s="1">
        <v>2019</v>
      </c>
      <c r="D248" s="1" t="s">
        <v>302</v>
      </c>
      <c r="E248" s="3" t="s">
        <v>593</v>
      </c>
      <c r="F248" s="3">
        <v>0</v>
      </c>
    </row>
    <row r="249" spans="2:6" x14ac:dyDescent="0.25">
      <c r="B249" s="1" t="s">
        <v>448</v>
      </c>
      <c r="C249" s="1">
        <v>2019</v>
      </c>
      <c r="D249" s="1" t="s">
        <v>357</v>
      </c>
      <c r="E249" s="3" t="s">
        <v>593</v>
      </c>
      <c r="F249" s="3">
        <v>0</v>
      </c>
    </row>
    <row r="250" spans="2:6" x14ac:dyDescent="0.25">
      <c r="B250" s="1" t="s">
        <v>448</v>
      </c>
      <c r="C250" s="1">
        <v>2019</v>
      </c>
      <c r="D250" s="1" t="s">
        <v>359</v>
      </c>
      <c r="E250" s="3" t="s">
        <v>593</v>
      </c>
      <c r="F250" s="3">
        <v>0</v>
      </c>
    </row>
    <row r="251" spans="2:6" x14ac:dyDescent="0.25">
      <c r="B251" s="1" t="s">
        <v>448</v>
      </c>
      <c r="C251" s="1">
        <v>2019</v>
      </c>
      <c r="D251" s="1" t="s">
        <v>362</v>
      </c>
      <c r="E251" s="3" t="s">
        <v>593</v>
      </c>
      <c r="F251" s="3">
        <v>0</v>
      </c>
    </row>
    <row r="252" spans="2:6" x14ac:dyDescent="0.25">
      <c r="B252" s="1" t="s">
        <v>448</v>
      </c>
      <c r="C252" s="1">
        <v>2019</v>
      </c>
      <c r="D252" s="1" t="s">
        <v>370</v>
      </c>
      <c r="E252" s="3" t="s">
        <v>593</v>
      </c>
      <c r="F252" s="3">
        <v>0</v>
      </c>
    </row>
    <row r="253" spans="2:6" x14ac:dyDescent="0.25">
      <c r="B253" s="1" t="s">
        <v>448</v>
      </c>
      <c r="C253" s="1">
        <v>2019</v>
      </c>
      <c r="D253" s="1" t="s">
        <v>333</v>
      </c>
      <c r="E253" s="3" t="s">
        <v>593</v>
      </c>
      <c r="F253" s="3">
        <v>0</v>
      </c>
    </row>
    <row r="254" spans="2:6" x14ac:dyDescent="0.25">
      <c r="B254" s="1" t="s">
        <v>448</v>
      </c>
      <c r="C254" s="1">
        <v>2019</v>
      </c>
      <c r="D254" s="1" t="s">
        <v>375</v>
      </c>
      <c r="E254" s="3" t="s">
        <v>593</v>
      </c>
      <c r="F254" s="3">
        <v>0</v>
      </c>
    </row>
    <row r="255" spans="2:6" x14ac:dyDescent="0.25">
      <c r="B255" s="1" t="s">
        <v>445</v>
      </c>
      <c r="C255" s="1">
        <v>2019</v>
      </c>
      <c r="D255" s="1" t="s">
        <v>384</v>
      </c>
      <c r="E255" s="3" t="s">
        <v>593</v>
      </c>
      <c r="F255" s="3">
        <v>0</v>
      </c>
    </row>
    <row r="256" spans="2:6" x14ac:dyDescent="0.25">
      <c r="B256" s="1" t="s">
        <v>448</v>
      </c>
      <c r="C256" s="1">
        <v>2019</v>
      </c>
      <c r="D256" s="1" t="s">
        <v>388</v>
      </c>
      <c r="E256" s="3" t="s">
        <v>593</v>
      </c>
      <c r="F256" s="3">
        <v>0</v>
      </c>
    </row>
    <row r="257" spans="2:6" x14ac:dyDescent="0.25">
      <c r="B257" s="1" t="s">
        <v>448</v>
      </c>
      <c r="C257" s="1">
        <v>2019</v>
      </c>
      <c r="D257" s="1" t="s">
        <v>392</v>
      </c>
      <c r="E257" s="3" t="s">
        <v>593</v>
      </c>
      <c r="F257" s="3">
        <v>0</v>
      </c>
    </row>
    <row r="258" spans="2:6" x14ac:dyDescent="0.25">
      <c r="B258" s="1" t="s">
        <v>448</v>
      </c>
      <c r="C258" s="1">
        <v>2019</v>
      </c>
      <c r="D258" s="1" t="s">
        <v>398</v>
      </c>
      <c r="E258" s="3" t="s">
        <v>593</v>
      </c>
      <c r="F258" s="3">
        <v>0</v>
      </c>
    </row>
    <row r="259" spans="2:6" x14ac:dyDescent="0.25">
      <c r="B259" s="1" t="s">
        <v>445</v>
      </c>
      <c r="C259" s="1">
        <v>2019</v>
      </c>
      <c r="D259" s="1" t="s">
        <v>408</v>
      </c>
      <c r="E259" s="3" t="s">
        <v>593</v>
      </c>
      <c r="F259" s="3">
        <v>0</v>
      </c>
    </row>
    <row r="260" spans="2:6" x14ac:dyDescent="0.25">
      <c r="B260" s="1" t="s">
        <v>448</v>
      </c>
      <c r="C260" s="1">
        <v>2019</v>
      </c>
      <c r="D260" s="1" t="s">
        <v>413</v>
      </c>
      <c r="E260" s="3" t="s">
        <v>595</v>
      </c>
      <c r="F260" s="3">
        <v>0</v>
      </c>
    </row>
    <row r="261" spans="2:6" x14ac:dyDescent="0.25">
      <c r="B261" s="1" t="s">
        <v>445</v>
      </c>
      <c r="C261" s="1">
        <v>2019</v>
      </c>
      <c r="D261" s="1" t="s">
        <v>416</v>
      </c>
      <c r="E261" s="3" t="s">
        <v>595</v>
      </c>
      <c r="F261" s="3">
        <v>0</v>
      </c>
    </row>
    <row r="262" spans="2:6" x14ac:dyDescent="0.25">
      <c r="B262" s="1" t="s">
        <v>448</v>
      </c>
      <c r="C262" s="1">
        <v>2019</v>
      </c>
      <c r="D262" s="1" t="s">
        <v>417</v>
      </c>
      <c r="E262" s="3" t="s">
        <v>595</v>
      </c>
      <c r="F262" s="3">
        <v>0</v>
      </c>
    </row>
    <row r="263" spans="2:6" x14ac:dyDescent="0.25">
      <c r="B263" s="1" t="s">
        <v>448</v>
      </c>
      <c r="C263" s="1">
        <v>2019</v>
      </c>
      <c r="D263" s="1" t="s">
        <v>418</v>
      </c>
      <c r="E263" s="3" t="s">
        <v>595</v>
      </c>
      <c r="F263" s="3">
        <v>0</v>
      </c>
    </row>
    <row r="264" spans="2:6" x14ac:dyDescent="0.25">
      <c r="B264" s="1" t="s">
        <v>448</v>
      </c>
      <c r="C264" s="1">
        <v>2019</v>
      </c>
      <c r="D264" s="1" t="s">
        <v>423</v>
      </c>
      <c r="E264" s="3" t="s">
        <v>595</v>
      </c>
      <c r="F264" s="3">
        <v>0</v>
      </c>
    </row>
    <row r="265" spans="2:6" x14ac:dyDescent="0.25">
      <c r="B265" s="1" t="s">
        <v>448</v>
      </c>
      <c r="C265" s="1">
        <v>2019</v>
      </c>
      <c r="D265" s="1" t="s">
        <v>425</v>
      </c>
      <c r="E265" s="3" t="s">
        <v>595</v>
      </c>
      <c r="F265" s="3">
        <v>0</v>
      </c>
    </row>
    <row r="266" spans="2:6" x14ac:dyDescent="0.25">
      <c r="B266" s="1" t="s">
        <v>448</v>
      </c>
      <c r="C266" s="1">
        <v>2019</v>
      </c>
      <c r="D266" s="1" t="s">
        <v>431</v>
      </c>
      <c r="E266" s="3" t="s">
        <v>596</v>
      </c>
      <c r="F266" s="3">
        <v>0</v>
      </c>
    </row>
    <row r="267" spans="2:6" x14ac:dyDescent="0.25">
      <c r="B267" s="1" t="s">
        <v>448</v>
      </c>
      <c r="C267" s="1">
        <v>2019</v>
      </c>
      <c r="D267" s="1" t="s">
        <v>433</v>
      </c>
      <c r="E267" s="3" t="s">
        <v>596</v>
      </c>
      <c r="F267" s="3">
        <v>0</v>
      </c>
    </row>
    <row r="268" spans="2:6" x14ac:dyDescent="0.25">
      <c r="B268" s="1" t="s">
        <v>445</v>
      </c>
      <c r="C268" s="1">
        <v>2019</v>
      </c>
      <c r="D268" s="1" t="s">
        <v>437</v>
      </c>
      <c r="E268" s="3" t="s">
        <v>594</v>
      </c>
      <c r="F268" s="3">
        <v>0</v>
      </c>
    </row>
    <row r="269" spans="2:6" x14ac:dyDescent="0.25">
      <c r="B269" s="1" t="s">
        <v>445</v>
      </c>
      <c r="C269" s="1">
        <v>2018</v>
      </c>
      <c r="D269" s="1" t="s">
        <v>3</v>
      </c>
      <c r="E269" s="3" t="s">
        <v>593</v>
      </c>
      <c r="F269" s="3">
        <v>3539.4103773584902</v>
      </c>
    </row>
    <row r="270" spans="2:6" x14ac:dyDescent="0.25">
      <c r="B270" s="1" t="s">
        <v>445</v>
      </c>
      <c r="C270" s="1">
        <v>2018</v>
      </c>
      <c r="D270" s="1" t="s">
        <v>9</v>
      </c>
      <c r="E270" s="3" t="s">
        <v>593</v>
      </c>
      <c r="F270" s="3">
        <v>667.60259729729717</v>
      </c>
    </row>
    <row r="271" spans="2:6" x14ac:dyDescent="0.25">
      <c r="B271" s="1" t="s">
        <v>445</v>
      </c>
      <c r="C271" s="1">
        <v>2018</v>
      </c>
      <c r="D271" s="1" t="s">
        <v>11</v>
      </c>
      <c r="E271" s="3" t="s">
        <v>593</v>
      </c>
      <c r="F271" s="3">
        <v>891.26840394270437</v>
      </c>
    </row>
    <row r="272" spans="2:6" x14ac:dyDescent="0.25">
      <c r="B272" s="1" t="s">
        <v>445</v>
      </c>
      <c r="C272" s="1">
        <v>2018</v>
      </c>
      <c r="D272" s="1" t="s">
        <v>12</v>
      </c>
      <c r="E272" s="3" t="s">
        <v>596</v>
      </c>
      <c r="F272" s="3">
        <v>25849.182408643854</v>
      </c>
    </row>
    <row r="273" spans="2:6" x14ac:dyDescent="0.25">
      <c r="B273" s="1" t="s">
        <v>445</v>
      </c>
      <c r="C273" s="1">
        <v>2018</v>
      </c>
      <c r="D273" s="1" t="s">
        <v>13</v>
      </c>
      <c r="E273" s="3" t="s">
        <v>593</v>
      </c>
      <c r="F273" s="3">
        <v>895.37176593454546</v>
      </c>
    </row>
    <row r="274" spans="2:6" x14ac:dyDescent="0.25">
      <c r="B274" s="1" t="s">
        <v>445</v>
      </c>
      <c r="C274" s="1">
        <v>2018</v>
      </c>
      <c r="D274" s="1" t="s">
        <v>19</v>
      </c>
      <c r="E274" s="3" t="s">
        <v>593</v>
      </c>
      <c r="F274" s="3">
        <v>1831.9236900000001</v>
      </c>
    </row>
    <row r="275" spans="2:6" x14ac:dyDescent="0.25">
      <c r="B275" s="1" t="s">
        <v>445</v>
      </c>
      <c r="C275" s="1">
        <v>2018</v>
      </c>
      <c r="D275" s="1" t="s">
        <v>21</v>
      </c>
      <c r="E275" s="3" t="s">
        <v>593</v>
      </c>
      <c r="F275" s="3">
        <v>478.94780469626829</v>
      </c>
    </row>
    <row r="276" spans="2:6" x14ac:dyDescent="0.25">
      <c r="B276" s="1" t="s">
        <v>445</v>
      </c>
      <c r="C276" s="1">
        <v>2018</v>
      </c>
      <c r="D276" s="1" t="s">
        <v>30</v>
      </c>
      <c r="E276" s="3" t="s">
        <v>593</v>
      </c>
      <c r="F276" s="3">
        <v>1110.3076712742859</v>
      </c>
    </row>
    <row r="277" spans="2:6" x14ac:dyDescent="0.25">
      <c r="B277" s="1" t="s">
        <v>445</v>
      </c>
      <c r="C277" s="1">
        <v>2018</v>
      </c>
      <c r="D277" s="1" t="s">
        <v>38</v>
      </c>
      <c r="E277" s="3" t="s">
        <v>593</v>
      </c>
      <c r="F277" s="3">
        <v>1242.5999999999999</v>
      </c>
    </row>
    <row r="278" spans="2:6" x14ac:dyDescent="0.25">
      <c r="B278" s="1" t="s">
        <v>446</v>
      </c>
      <c r="C278" s="1">
        <v>2018</v>
      </c>
      <c r="D278" s="1" t="s">
        <v>50</v>
      </c>
      <c r="E278" s="3" t="s">
        <v>593</v>
      </c>
      <c r="F278" s="3">
        <v>206.24999833120407</v>
      </c>
    </row>
    <row r="279" spans="2:6" x14ac:dyDescent="0.25">
      <c r="B279" s="1" t="s">
        <v>445</v>
      </c>
      <c r="C279" s="1">
        <v>2018</v>
      </c>
      <c r="D279" s="1" t="s">
        <v>51</v>
      </c>
      <c r="E279" s="3" t="s">
        <v>593</v>
      </c>
      <c r="F279" s="3">
        <v>1356.443349380625</v>
      </c>
    </row>
    <row r="280" spans="2:6" x14ac:dyDescent="0.25">
      <c r="B280" s="1" t="s">
        <v>445</v>
      </c>
      <c r="C280" s="1">
        <v>2018</v>
      </c>
      <c r="D280" s="1" t="s">
        <v>52</v>
      </c>
      <c r="E280" s="3" t="s">
        <v>593</v>
      </c>
      <c r="F280" s="3">
        <v>574.59137599248197</v>
      </c>
    </row>
    <row r="281" spans="2:6" x14ac:dyDescent="0.25">
      <c r="B281" s="1" t="s">
        <v>445</v>
      </c>
      <c r="C281" s="1">
        <v>2018</v>
      </c>
      <c r="D281" s="1" t="s">
        <v>59</v>
      </c>
      <c r="E281" s="3" t="s">
        <v>594</v>
      </c>
      <c r="F281" s="3">
        <v>16063.754112845338</v>
      </c>
    </row>
    <row r="282" spans="2:6" x14ac:dyDescent="0.25">
      <c r="B282" s="1" t="s">
        <v>445</v>
      </c>
      <c r="C282" s="1">
        <v>2018</v>
      </c>
      <c r="D282" s="1" t="s">
        <v>59</v>
      </c>
      <c r="E282" s="3" t="s">
        <v>595</v>
      </c>
      <c r="F282" s="3">
        <v>3227.7247455849197</v>
      </c>
    </row>
    <row r="283" spans="2:6" x14ac:dyDescent="0.25">
      <c r="B283" s="1" t="s">
        <v>445</v>
      </c>
      <c r="C283" s="1">
        <v>2018</v>
      </c>
      <c r="D283" s="1" t="s">
        <v>63</v>
      </c>
      <c r="E283" s="3" t="s">
        <v>593</v>
      </c>
      <c r="F283" s="3">
        <v>35.303051016670992</v>
      </c>
    </row>
    <row r="284" spans="2:6" x14ac:dyDescent="0.25">
      <c r="B284" s="1" t="s">
        <v>445</v>
      </c>
      <c r="C284" s="1">
        <v>2018</v>
      </c>
      <c r="D284" s="1" t="s">
        <v>67</v>
      </c>
      <c r="E284" s="3" t="s">
        <v>593</v>
      </c>
      <c r="F284" s="3">
        <v>199.0724448343924</v>
      </c>
    </row>
    <row r="285" spans="2:6" x14ac:dyDescent="0.25">
      <c r="B285" s="1" t="s">
        <v>445</v>
      </c>
      <c r="C285" s="1">
        <v>2018</v>
      </c>
      <c r="D285" s="1" t="s">
        <v>69</v>
      </c>
      <c r="E285" s="3" t="s">
        <v>593</v>
      </c>
      <c r="F285" s="3">
        <v>1150.2122339185373</v>
      </c>
    </row>
    <row r="286" spans="2:6" x14ac:dyDescent="0.25">
      <c r="B286" s="1" t="s">
        <v>445</v>
      </c>
      <c r="C286" s="1">
        <v>2018</v>
      </c>
      <c r="D286" s="1" t="s">
        <v>71</v>
      </c>
      <c r="E286" s="3" t="s">
        <v>593</v>
      </c>
      <c r="F286" s="3">
        <v>337.76260212574999</v>
      </c>
    </row>
    <row r="287" spans="2:6" x14ac:dyDescent="0.25">
      <c r="B287" s="1" t="s">
        <v>445</v>
      </c>
      <c r="C287" s="1">
        <v>2018</v>
      </c>
      <c r="D287" s="1" t="s">
        <v>75</v>
      </c>
      <c r="E287" s="3" t="s">
        <v>595</v>
      </c>
      <c r="F287" s="3">
        <v>2332.4555178082187</v>
      </c>
    </row>
    <row r="288" spans="2:6" x14ac:dyDescent="0.25">
      <c r="B288" s="1" t="s">
        <v>445</v>
      </c>
      <c r="C288" s="1">
        <v>2018</v>
      </c>
      <c r="D288" s="1" t="s">
        <v>78</v>
      </c>
      <c r="E288" s="3" t="s">
        <v>593</v>
      </c>
      <c r="F288" s="3">
        <v>73.430186271698105</v>
      </c>
    </row>
    <row r="289" spans="2:6" x14ac:dyDescent="0.25">
      <c r="B289" s="1" t="s">
        <v>445</v>
      </c>
      <c r="C289" s="1">
        <v>2018</v>
      </c>
      <c r="D289" s="1" t="s">
        <v>82</v>
      </c>
      <c r="E289" s="3" t="s">
        <v>593</v>
      </c>
      <c r="F289" s="3">
        <v>56.285184044472622</v>
      </c>
    </row>
    <row r="290" spans="2:6" x14ac:dyDescent="0.25">
      <c r="B290" s="1" t="s">
        <v>445</v>
      </c>
      <c r="C290" s="1">
        <v>2018</v>
      </c>
      <c r="D290" s="1" t="s">
        <v>84</v>
      </c>
      <c r="E290" s="3" t="s">
        <v>593</v>
      </c>
      <c r="F290" s="3">
        <v>852.96937401428568</v>
      </c>
    </row>
    <row r="291" spans="2:6" x14ac:dyDescent="0.25">
      <c r="B291" s="1" t="s">
        <v>445</v>
      </c>
      <c r="C291" s="1">
        <v>2018</v>
      </c>
      <c r="D291" s="1" t="s">
        <v>86</v>
      </c>
      <c r="E291" s="3" t="s">
        <v>593</v>
      </c>
      <c r="F291" s="3">
        <v>212.04576448347416</v>
      </c>
    </row>
    <row r="292" spans="2:6" x14ac:dyDescent="0.25">
      <c r="B292" s="1" t="s">
        <v>445</v>
      </c>
      <c r="C292" s="1">
        <v>2018</v>
      </c>
      <c r="D292" s="1" t="s">
        <v>86</v>
      </c>
      <c r="E292" s="3" t="s">
        <v>593</v>
      </c>
      <c r="F292" s="3">
        <v>168.09783518740971</v>
      </c>
    </row>
    <row r="293" spans="2:6" x14ac:dyDescent="0.25">
      <c r="B293" s="1" t="s">
        <v>445</v>
      </c>
      <c r="C293" s="1">
        <v>2018</v>
      </c>
      <c r="D293" s="1" t="s">
        <v>88</v>
      </c>
      <c r="E293" s="3" t="s">
        <v>593</v>
      </c>
      <c r="F293" s="3">
        <v>69.152311694079984</v>
      </c>
    </row>
    <row r="294" spans="2:6" x14ac:dyDescent="0.25">
      <c r="B294" s="1" t="s">
        <v>445</v>
      </c>
      <c r="C294" s="1">
        <v>2018</v>
      </c>
      <c r="D294" s="1" t="s">
        <v>90</v>
      </c>
      <c r="E294" s="3" t="s">
        <v>593</v>
      </c>
      <c r="F294" s="3">
        <v>365.79085714285713</v>
      </c>
    </row>
    <row r="295" spans="2:6" x14ac:dyDescent="0.25">
      <c r="B295" s="1" t="s">
        <v>446</v>
      </c>
      <c r="C295" s="1">
        <v>2018</v>
      </c>
      <c r="D295" s="1" t="s">
        <v>92</v>
      </c>
      <c r="E295" s="3" t="s">
        <v>593</v>
      </c>
      <c r="F295" s="3">
        <v>96.234053785526328</v>
      </c>
    </row>
    <row r="296" spans="2:6" x14ac:dyDescent="0.25">
      <c r="B296" s="1" t="s">
        <v>446</v>
      </c>
      <c r="C296" s="1">
        <v>2018</v>
      </c>
      <c r="D296" s="1" t="s">
        <v>101</v>
      </c>
      <c r="E296" s="3" t="s">
        <v>593</v>
      </c>
      <c r="F296" s="3">
        <v>290.30992724999999</v>
      </c>
    </row>
    <row r="297" spans="2:6" x14ac:dyDescent="0.25">
      <c r="B297" s="1" t="s">
        <v>445</v>
      </c>
      <c r="C297" s="1">
        <v>2018</v>
      </c>
      <c r="D297" s="1" t="s">
        <v>102</v>
      </c>
      <c r="E297" s="3" t="s">
        <v>593</v>
      </c>
      <c r="F297" s="3">
        <v>17.155220999999997</v>
      </c>
    </row>
    <row r="298" spans="2:6" x14ac:dyDescent="0.25">
      <c r="B298" s="1" t="s">
        <v>446</v>
      </c>
      <c r="C298" s="1">
        <v>2018</v>
      </c>
      <c r="D298" s="1" t="s">
        <v>110</v>
      </c>
      <c r="E298" s="3" t="s">
        <v>593</v>
      </c>
      <c r="F298" s="3">
        <v>292.66443873990386</v>
      </c>
    </row>
    <row r="299" spans="2:6" x14ac:dyDescent="0.25">
      <c r="B299" s="1" t="s">
        <v>447</v>
      </c>
      <c r="C299" s="1">
        <v>2018</v>
      </c>
      <c r="D299" s="1" t="s">
        <v>111</v>
      </c>
      <c r="E299" s="3" t="s">
        <v>593</v>
      </c>
      <c r="F299" s="3">
        <v>363.28993701923076</v>
      </c>
    </row>
    <row r="300" spans="2:6" x14ac:dyDescent="0.25">
      <c r="B300" s="1" t="s">
        <v>447</v>
      </c>
      <c r="C300" s="1">
        <v>2018</v>
      </c>
      <c r="D300" s="1" t="s">
        <v>111</v>
      </c>
      <c r="E300" s="3" t="s">
        <v>593</v>
      </c>
      <c r="F300" s="3">
        <v>43.875228076923072</v>
      </c>
    </row>
    <row r="301" spans="2:6" x14ac:dyDescent="0.25">
      <c r="B301" s="1" t="s">
        <v>445</v>
      </c>
      <c r="C301" s="1">
        <v>2018</v>
      </c>
      <c r="D301" s="1" t="s">
        <v>116</v>
      </c>
      <c r="E301" s="3" t="s">
        <v>593</v>
      </c>
      <c r="F301" s="3">
        <v>15.692104393789229</v>
      </c>
    </row>
    <row r="302" spans="2:6" x14ac:dyDescent="0.25">
      <c r="B302" s="1" t="s">
        <v>445</v>
      </c>
      <c r="C302" s="1">
        <v>2018</v>
      </c>
      <c r="D302" s="1" t="s">
        <v>80</v>
      </c>
      <c r="E302" s="3" t="s">
        <v>595</v>
      </c>
      <c r="F302" s="3">
        <v>241.52540289236251</v>
      </c>
    </row>
    <row r="303" spans="2:6" x14ac:dyDescent="0.25">
      <c r="B303" s="1" t="s">
        <v>445</v>
      </c>
      <c r="C303" s="1">
        <v>2018</v>
      </c>
      <c r="D303" s="1" t="s">
        <v>128</v>
      </c>
      <c r="E303" s="3" t="s">
        <v>593</v>
      </c>
      <c r="F303" s="3">
        <v>12.186185557298476</v>
      </c>
    </row>
    <row r="304" spans="2:6" x14ac:dyDescent="0.25">
      <c r="B304" s="1" t="s">
        <v>445</v>
      </c>
      <c r="C304" s="1">
        <v>2018</v>
      </c>
      <c r="D304" s="1" t="s">
        <v>129</v>
      </c>
      <c r="E304" s="3" t="s">
        <v>593</v>
      </c>
      <c r="F304" s="3">
        <v>37.642560146840957</v>
      </c>
    </row>
    <row r="305" spans="2:6" x14ac:dyDescent="0.25">
      <c r="B305" s="1" t="s">
        <v>448</v>
      </c>
      <c r="C305" s="1">
        <v>2018</v>
      </c>
      <c r="D305" s="1" t="s">
        <v>130</v>
      </c>
      <c r="E305" s="3" t="s">
        <v>593</v>
      </c>
      <c r="F305" s="3">
        <v>0.25661087999999999</v>
      </c>
    </row>
    <row r="306" spans="2:6" x14ac:dyDescent="0.25">
      <c r="B306" s="1" t="s">
        <v>447</v>
      </c>
      <c r="C306" s="1">
        <v>2018</v>
      </c>
      <c r="D306" s="1" t="s">
        <v>132</v>
      </c>
      <c r="E306" s="3" t="s">
        <v>594</v>
      </c>
      <c r="F306" s="3">
        <v>333.11211028126746</v>
      </c>
    </row>
    <row r="307" spans="2:6" x14ac:dyDescent="0.25">
      <c r="B307" s="1" t="s">
        <v>445</v>
      </c>
      <c r="C307" s="1">
        <v>2018</v>
      </c>
      <c r="D307" s="1" t="s">
        <v>134</v>
      </c>
      <c r="E307" s="3" t="s">
        <v>593</v>
      </c>
      <c r="F307" s="3">
        <v>43.866666666666667</v>
      </c>
    </row>
    <row r="308" spans="2:6" x14ac:dyDescent="0.25">
      <c r="B308" s="1" t="s">
        <v>448</v>
      </c>
      <c r="C308" s="1">
        <v>2018</v>
      </c>
      <c r="D308" s="1" t="s">
        <v>137</v>
      </c>
      <c r="E308" s="3" t="s">
        <v>596</v>
      </c>
      <c r="F308" s="3">
        <v>40.774653603633375</v>
      </c>
    </row>
    <row r="309" spans="2:6" x14ac:dyDescent="0.25">
      <c r="B309" s="1" t="s">
        <v>448</v>
      </c>
      <c r="C309" s="1">
        <v>2018</v>
      </c>
      <c r="D309" s="1" t="s">
        <v>139</v>
      </c>
      <c r="E309" s="3" t="s">
        <v>593</v>
      </c>
      <c r="F309" s="3">
        <v>0</v>
      </c>
    </row>
    <row r="310" spans="2:6" x14ac:dyDescent="0.25">
      <c r="B310" s="1" t="s">
        <v>446</v>
      </c>
      <c r="C310" s="1">
        <v>2018</v>
      </c>
      <c r="D310" s="1" t="s">
        <v>147</v>
      </c>
      <c r="E310" s="3" t="s">
        <v>593</v>
      </c>
      <c r="F310" s="3">
        <v>0</v>
      </c>
    </row>
    <row r="311" spans="2:6" x14ac:dyDescent="0.25">
      <c r="B311" s="1" t="s">
        <v>448</v>
      </c>
      <c r="C311" s="1">
        <v>2018</v>
      </c>
      <c r="D311" s="1" t="s">
        <v>149</v>
      </c>
      <c r="E311" s="3" t="s">
        <v>593</v>
      </c>
      <c r="F311" s="3">
        <v>0</v>
      </c>
    </row>
    <row r="312" spans="2:6" x14ac:dyDescent="0.25">
      <c r="B312" s="1" t="s">
        <v>448</v>
      </c>
      <c r="C312" s="1">
        <v>2018</v>
      </c>
      <c r="D312" s="1" t="s">
        <v>150</v>
      </c>
      <c r="E312" s="3" t="s">
        <v>593</v>
      </c>
      <c r="F312" s="3">
        <v>0</v>
      </c>
    </row>
    <row r="313" spans="2:6" x14ac:dyDescent="0.25">
      <c r="B313" s="1" t="s">
        <v>448</v>
      </c>
      <c r="C313" s="1">
        <v>2018</v>
      </c>
      <c r="D313" s="1" t="s">
        <v>153</v>
      </c>
      <c r="E313" s="3" t="s">
        <v>593</v>
      </c>
      <c r="F313" s="3">
        <v>0</v>
      </c>
    </row>
    <row r="314" spans="2:6" x14ac:dyDescent="0.25">
      <c r="B314" s="1" t="s">
        <v>448</v>
      </c>
      <c r="C314" s="1">
        <v>2018</v>
      </c>
      <c r="D314" s="1" t="s">
        <v>157</v>
      </c>
      <c r="E314" s="3" t="s">
        <v>593</v>
      </c>
      <c r="F314" s="3">
        <v>0</v>
      </c>
    </row>
    <row r="315" spans="2:6" x14ac:dyDescent="0.25">
      <c r="B315" s="1" t="s">
        <v>448</v>
      </c>
      <c r="C315" s="1">
        <v>2018</v>
      </c>
      <c r="D315" s="1" t="s">
        <v>162</v>
      </c>
      <c r="E315" s="3" t="s">
        <v>593</v>
      </c>
      <c r="F315" s="3">
        <v>0</v>
      </c>
    </row>
    <row r="316" spans="2:6" x14ac:dyDescent="0.25">
      <c r="B316" s="1" t="s">
        <v>448</v>
      </c>
      <c r="C316" s="1">
        <v>2018</v>
      </c>
      <c r="D316" s="1" t="s">
        <v>140</v>
      </c>
      <c r="E316" s="3" t="s">
        <v>593</v>
      </c>
      <c r="F316" s="3">
        <v>0</v>
      </c>
    </row>
    <row r="317" spans="2:6" x14ac:dyDescent="0.25">
      <c r="B317" s="1" t="s">
        <v>448</v>
      </c>
      <c r="C317" s="1">
        <v>2018</v>
      </c>
      <c r="D317" s="1" t="s">
        <v>165</v>
      </c>
      <c r="E317" s="3" t="s">
        <v>593</v>
      </c>
      <c r="F317" s="3">
        <v>0</v>
      </c>
    </row>
    <row r="318" spans="2:6" x14ac:dyDescent="0.25">
      <c r="B318" s="1" t="s">
        <v>448</v>
      </c>
      <c r="C318" s="1">
        <v>2018</v>
      </c>
      <c r="D318" s="1" t="s">
        <v>165</v>
      </c>
      <c r="E318" s="3" t="s">
        <v>593</v>
      </c>
      <c r="F318" s="3">
        <v>0</v>
      </c>
    </row>
    <row r="319" spans="2:6" x14ac:dyDescent="0.25">
      <c r="B319" s="1" t="s">
        <v>446</v>
      </c>
      <c r="C319" s="1">
        <v>2018</v>
      </c>
      <c r="D319" s="1" t="s">
        <v>168</v>
      </c>
      <c r="E319" s="3" t="s">
        <v>593</v>
      </c>
      <c r="F319" s="3">
        <v>0</v>
      </c>
    </row>
    <row r="320" spans="2:6" x14ac:dyDescent="0.25">
      <c r="B320" s="1" t="s">
        <v>448</v>
      </c>
      <c r="C320" s="1">
        <v>2018</v>
      </c>
      <c r="D320" s="1" t="s">
        <v>169</v>
      </c>
      <c r="E320" s="3" t="s">
        <v>593</v>
      </c>
      <c r="F320" s="3">
        <v>0</v>
      </c>
    </row>
    <row r="321" spans="2:6" x14ac:dyDescent="0.25">
      <c r="B321" s="1" t="s">
        <v>448</v>
      </c>
      <c r="C321" s="1">
        <v>2018</v>
      </c>
      <c r="D321" s="1" t="s">
        <v>182</v>
      </c>
      <c r="E321" s="3" t="s">
        <v>593</v>
      </c>
      <c r="F321" s="3">
        <v>0</v>
      </c>
    </row>
    <row r="322" spans="2:6" x14ac:dyDescent="0.25">
      <c r="B322" s="1" t="s">
        <v>445</v>
      </c>
      <c r="C322" s="1">
        <v>2018</v>
      </c>
      <c r="D322" s="1" t="s">
        <v>184</v>
      </c>
      <c r="E322" s="3" t="s">
        <v>593</v>
      </c>
      <c r="F322" s="3">
        <v>0</v>
      </c>
    </row>
    <row r="323" spans="2:6" x14ac:dyDescent="0.25">
      <c r="B323" s="1" t="s">
        <v>448</v>
      </c>
      <c r="C323" s="1">
        <v>2018</v>
      </c>
      <c r="D323" s="1" t="s">
        <v>185</v>
      </c>
      <c r="E323" s="3" t="s">
        <v>593</v>
      </c>
      <c r="F323" s="3">
        <v>0</v>
      </c>
    </row>
    <row r="324" spans="2:6" x14ac:dyDescent="0.25">
      <c r="B324" s="1" t="s">
        <v>448</v>
      </c>
      <c r="C324" s="1">
        <v>2018</v>
      </c>
      <c r="D324" s="1" t="s">
        <v>189</v>
      </c>
      <c r="E324" s="3" t="s">
        <v>593</v>
      </c>
      <c r="F324" s="3">
        <v>0</v>
      </c>
    </row>
    <row r="325" spans="2:6" x14ac:dyDescent="0.25">
      <c r="B325" s="1" t="s">
        <v>448</v>
      </c>
      <c r="C325" s="1">
        <v>2018</v>
      </c>
      <c r="D325" s="1" t="s">
        <v>192</v>
      </c>
      <c r="E325" s="3" t="s">
        <v>593</v>
      </c>
      <c r="F325" s="3">
        <v>0</v>
      </c>
    </row>
    <row r="326" spans="2:6" x14ac:dyDescent="0.25">
      <c r="B326" s="1" t="s">
        <v>448</v>
      </c>
      <c r="C326" s="1">
        <v>2018</v>
      </c>
      <c r="D326" s="1" t="s">
        <v>194</v>
      </c>
      <c r="E326" s="3" t="s">
        <v>593</v>
      </c>
      <c r="F326" s="3">
        <v>0</v>
      </c>
    </row>
    <row r="327" spans="2:6" x14ac:dyDescent="0.25">
      <c r="B327" s="1" t="s">
        <v>448</v>
      </c>
      <c r="C327" s="1">
        <v>2018</v>
      </c>
      <c r="D327" s="1" t="s">
        <v>200</v>
      </c>
      <c r="E327" s="3" t="s">
        <v>593</v>
      </c>
      <c r="F327" s="3">
        <v>0</v>
      </c>
    </row>
    <row r="328" spans="2:6" x14ac:dyDescent="0.25">
      <c r="B328" s="1" t="s">
        <v>446</v>
      </c>
      <c r="C328" s="1">
        <v>2018</v>
      </c>
      <c r="D328" s="1" t="s">
        <v>211</v>
      </c>
      <c r="E328" s="3" t="s">
        <v>593</v>
      </c>
      <c r="F328" s="3">
        <v>0</v>
      </c>
    </row>
    <row r="329" spans="2:6" x14ac:dyDescent="0.25">
      <c r="B329" s="1" t="s">
        <v>448</v>
      </c>
      <c r="C329" s="1">
        <v>2018</v>
      </c>
      <c r="D329" s="1" t="s">
        <v>214</v>
      </c>
      <c r="E329" s="3" t="s">
        <v>593</v>
      </c>
      <c r="F329" s="3">
        <v>0</v>
      </c>
    </row>
    <row r="330" spans="2:6" x14ac:dyDescent="0.25">
      <c r="B330" s="1" t="s">
        <v>448</v>
      </c>
      <c r="C330" s="1">
        <v>2018</v>
      </c>
      <c r="D330" s="1" t="s">
        <v>189</v>
      </c>
      <c r="E330" s="3" t="s">
        <v>593</v>
      </c>
      <c r="F330" s="3">
        <v>0</v>
      </c>
    </row>
    <row r="331" spans="2:6" x14ac:dyDescent="0.25">
      <c r="B331" s="1" t="s">
        <v>448</v>
      </c>
      <c r="C331" s="1">
        <v>2018</v>
      </c>
      <c r="D331" s="1" t="s">
        <v>166</v>
      </c>
      <c r="E331" s="3" t="s">
        <v>593</v>
      </c>
      <c r="F331" s="3">
        <v>0</v>
      </c>
    </row>
    <row r="332" spans="2:6" x14ac:dyDescent="0.25">
      <c r="B332" s="1" t="s">
        <v>448</v>
      </c>
      <c r="C332" s="1">
        <v>2018</v>
      </c>
      <c r="D332" s="1" t="s">
        <v>185</v>
      </c>
      <c r="E332" s="3" t="s">
        <v>593</v>
      </c>
      <c r="F332" s="3">
        <v>0</v>
      </c>
    </row>
    <row r="333" spans="2:6" x14ac:dyDescent="0.25">
      <c r="B333" s="1" t="s">
        <v>448</v>
      </c>
      <c r="C333" s="1">
        <v>2018</v>
      </c>
      <c r="D333" s="1" t="s">
        <v>192</v>
      </c>
      <c r="E333" s="3" t="s">
        <v>593</v>
      </c>
      <c r="F333" s="3">
        <v>0</v>
      </c>
    </row>
    <row r="334" spans="2:6" x14ac:dyDescent="0.25">
      <c r="B334" s="1" t="s">
        <v>448</v>
      </c>
      <c r="C334" s="1">
        <v>2018</v>
      </c>
      <c r="D334" s="1" t="s">
        <v>166</v>
      </c>
      <c r="E334" s="3" t="s">
        <v>593</v>
      </c>
      <c r="F334" s="3">
        <v>0</v>
      </c>
    </row>
    <row r="335" spans="2:6" x14ac:dyDescent="0.25">
      <c r="B335" s="1" t="s">
        <v>445</v>
      </c>
      <c r="C335" s="1">
        <v>2018</v>
      </c>
      <c r="D335" s="1" t="s">
        <v>227</v>
      </c>
      <c r="E335" s="3" t="s">
        <v>593</v>
      </c>
      <c r="F335" s="3">
        <v>0</v>
      </c>
    </row>
    <row r="336" spans="2:6" x14ac:dyDescent="0.25">
      <c r="B336" s="1" t="s">
        <v>448</v>
      </c>
      <c r="C336" s="1">
        <v>2018</v>
      </c>
      <c r="D336" s="1" t="s">
        <v>189</v>
      </c>
      <c r="E336" s="3" t="s">
        <v>593</v>
      </c>
      <c r="F336" s="3">
        <v>0</v>
      </c>
    </row>
    <row r="337" spans="2:6" x14ac:dyDescent="0.25">
      <c r="B337" s="1" t="s">
        <v>448</v>
      </c>
      <c r="C337" s="1">
        <v>2018</v>
      </c>
      <c r="D337" s="1" t="s">
        <v>235</v>
      </c>
      <c r="E337" s="3" t="s">
        <v>593</v>
      </c>
      <c r="F337" s="3">
        <v>0</v>
      </c>
    </row>
    <row r="338" spans="2:6" x14ac:dyDescent="0.25">
      <c r="B338" s="1" t="s">
        <v>448</v>
      </c>
      <c r="C338" s="1">
        <v>2018</v>
      </c>
      <c r="D338" s="1" t="s">
        <v>236</v>
      </c>
      <c r="E338" s="3" t="s">
        <v>593</v>
      </c>
      <c r="F338" s="3">
        <v>0</v>
      </c>
    </row>
    <row r="339" spans="2:6" x14ac:dyDescent="0.25">
      <c r="B339" s="1" t="s">
        <v>448</v>
      </c>
      <c r="C339" s="1">
        <v>2018</v>
      </c>
      <c r="D339" s="1" t="s">
        <v>189</v>
      </c>
      <c r="E339" s="3" t="s">
        <v>593</v>
      </c>
      <c r="F339" s="3">
        <v>0</v>
      </c>
    </row>
    <row r="340" spans="2:6" x14ac:dyDescent="0.25">
      <c r="B340" s="1" t="s">
        <v>448</v>
      </c>
      <c r="C340" s="1">
        <v>2018</v>
      </c>
      <c r="D340" s="1" t="s">
        <v>162</v>
      </c>
      <c r="E340" s="3" t="s">
        <v>593</v>
      </c>
      <c r="F340" s="3">
        <v>0</v>
      </c>
    </row>
    <row r="341" spans="2:6" x14ac:dyDescent="0.25">
      <c r="B341" s="1" t="s">
        <v>448</v>
      </c>
      <c r="C341" s="1">
        <v>2018</v>
      </c>
      <c r="D341" s="1" t="s">
        <v>243</v>
      </c>
      <c r="E341" s="3" t="s">
        <v>593</v>
      </c>
      <c r="F341" s="3">
        <v>0</v>
      </c>
    </row>
    <row r="342" spans="2:6" x14ac:dyDescent="0.25">
      <c r="B342" s="1" t="s">
        <v>448</v>
      </c>
      <c r="C342" s="1">
        <v>2018</v>
      </c>
      <c r="D342" s="1" t="s">
        <v>248</v>
      </c>
      <c r="E342" s="3" t="s">
        <v>593</v>
      </c>
      <c r="F342" s="3">
        <v>0</v>
      </c>
    </row>
    <row r="343" spans="2:6" x14ac:dyDescent="0.25">
      <c r="B343" s="1" t="s">
        <v>448</v>
      </c>
      <c r="C343" s="1">
        <v>2018</v>
      </c>
      <c r="D343" s="1" t="s">
        <v>174</v>
      </c>
      <c r="E343" s="3" t="s">
        <v>593</v>
      </c>
      <c r="F343" s="3">
        <v>0</v>
      </c>
    </row>
    <row r="344" spans="2:6" x14ac:dyDescent="0.25">
      <c r="B344" s="1" t="s">
        <v>445</v>
      </c>
      <c r="C344" s="1">
        <v>2018</v>
      </c>
      <c r="D344" s="1" t="s">
        <v>261</v>
      </c>
      <c r="E344" s="3" t="s">
        <v>593</v>
      </c>
      <c r="F344" s="3">
        <v>0</v>
      </c>
    </row>
    <row r="345" spans="2:6" x14ac:dyDescent="0.25">
      <c r="B345" s="1" t="s">
        <v>448</v>
      </c>
      <c r="C345" s="1">
        <v>2018</v>
      </c>
      <c r="D345" s="1" t="s">
        <v>262</v>
      </c>
      <c r="E345" s="3" t="s">
        <v>593</v>
      </c>
      <c r="F345" s="3">
        <v>0</v>
      </c>
    </row>
    <row r="346" spans="2:6" x14ac:dyDescent="0.25">
      <c r="B346" s="1" t="s">
        <v>448</v>
      </c>
      <c r="C346" s="1">
        <v>2018</v>
      </c>
      <c r="D346" s="1" t="s">
        <v>174</v>
      </c>
      <c r="E346" s="3" t="s">
        <v>593</v>
      </c>
      <c r="F346" s="3">
        <v>0</v>
      </c>
    </row>
    <row r="347" spans="2:6" x14ac:dyDescent="0.25">
      <c r="B347" s="1" t="s">
        <v>448</v>
      </c>
      <c r="C347" s="1">
        <v>2018</v>
      </c>
      <c r="D347" s="1" t="s">
        <v>185</v>
      </c>
      <c r="E347" s="3" t="s">
        <v>593</v>
      </c>
      <c r="F347" s="3">
        <v>0</v>
      </c>
    </row>
    <row r="348" spans="2:6" x14ac:dyDescent="0.25">
      <c r="B348" s="1" t="s">
        <v>448</v>
      </c>
      <c r="C348" s="1">
        <v>2018</v>
      </c>
      <c r="D348" s="1" t="s">
        <v>182</v>
      </c>
      <c r="E348" s="3" t="s">
        <v>593</v>
      </c>
      <c r="F348" s="3">
        <v>0</v>
      </c>
    </row>
    <row r="349" spans="2:6" x14ac:dyDescent="0.25">
      <c r="B349" s="1" t="s">
        <v>448</v>
      </c>
      <c r="C349" s="1">
        <v>2018</v>
      </c>
      <c r="D349" s="1" t="s">
        <v>273</v>
      </c>
      <c r="E349" s="3" t="s">
        <v>593</v>
      </c>
      <c r="F349" s="3">
        <v>0</v>
      </c>
    </row>
    <row r="350" spans="2:6" x14ac:dyDescent="0.25">
      <c r="B350" s="1" t="s">
        <v>448</v>
      </c>
      <c r="C350" s="1">
        <v>2018</v>
      </c>
      <c r="D350" s="1" t="s">
        <v>274</v>
      </c>
      <c r="E350" s="3" t="s">
        <v>593</v>
      </c>
      <c r="F350" s="3">
        <v>0</v>
      </c>
    </row>
    <row r="351" spans="2:6" x14ac:dyDescent="0.25">
      <c r="B351" s="1" t="s">
        <v>448</v>
      </c>
      <c r="C351" s="1">
        <v>2018</v>
      </c>
      <c r="D351" s="1" t="s">
        <v>276</v>
      </c>
      <c r="E351" s="3" t="s">
        <v>593</v>
      </c>
      <c r="F351" s="3">
        <v>0</v>
      </c>
    </row>
    <row r="352" spans="2:6" x14ac:dyDescent="0.25">
      <c r="B352" s="1" t="s">
        <v>448</v>
      </c>
      <c r="C352" s="1">
        <v>2018</v>
      </c>
      <c r="D352" s="1" t="s">
        <v>189</v>
      </c>
      <c r="E352" s="3" t="s">
        <v>593</v>
      </c>
      <c r="F352" s="3">
        <v>0</v>
      </c>
    </row>
    <row r="353" spans="2:6" x14ac:dyDescent="0.25">
      <c r="B353" s="1" t="s">
        <v>448</v>
      </c>
      <c r="C353" s="1">
        <v>2018</v>
      </c>
      <c r="D353" s="1" t="s">
        <v>192</v>
      </c>
      <c r="E353" s="3" t="s">
        <v>593</v>
      </c>
      <c r="F353" s="3">
        <v>0</v>
      </c>
    </row>
    <row r="354" spans="2:6" x14ac:dyDescent="0.25">
      <c r="B354" s="1" t="s">
        <v>448</v>
      </c>
      <c r="C354" s="1">
        <v>2018</v>
      </c>
      <c r="D354" s="1" t="s">
        <v>281</v>
      </c>
      <c r="E354" s="3" t="s">
        <v>593</v>
      </c>
      <c r="F354" s="3">
        <v>0</v>
      </c>
    </row>
    <row r="355" spans="2:6" x14ac:dyDescent="0.25">
      <c r="B355" s="1" t="s">
        <v>448</v>
      </c>
      <c r="C355" s="1">
        <v>2018</v>
      </c>
      <c r="D355" s="1" t="s">
        <v>192</v>
      </c>
      <c r="E355" s="3" t="s">
        <v>593</v>
      </c>
      <c r="F355" s="3">
        <v>0</v>
      </c>
    </row>
    <row r="356" spans="2:6" x14ac:dyDescent="0.25">
      <c r="B356" s="1" t="s">
        <v>448</v>
      </c>
      <c r="C356" s="1">
        <v>2018</v>
      </c>
      <c r="D356" s="1" t="s">
        <v>288</v>
      </c>
      <c r="E356" s="3" t="s">
        <v>593</v>
      </c>
      <c r="F356" s="3">
        <v>0</v>
      </c>
    </row>
    <row r="357" spans="2:6" x14ac:dyDescent="0.25">
      <c r="B357" s="1" t="s">
        <v>448</v>
      </c>
      <c r="C357" s="1">
        <v>2018</v>
      </c>
      <c r="D357" s="1" t="s">
        <v>289</v>
      </c>
      <c r="E357" s="3" t="s">
        <v>593</v>
      </c>
      <c r="F357" s="3">
        <v>0</v>
      </c>
    </row>
    <row r="358" spans="2:6" x14ac:dyDescent="0.25">
      <c r="B358" s="1" t="s">
        <v>448</v>
      </c>
      <c r="C358" s="1">
        <v>2018</v>
      </c>
      <c r="D358" s="1" t="s">
        <v>291</v>
      </c>
      <c r="E358" s="3" t="s">
        <v>593</v>
      </c>
      <c r="F358" s="3">
        <v>0</v>
      </c>
    </row>
    <row r="359" spans="2:6" x14ac:dyDescent="0.25">
      <c r="B359" s="1" t="s">
        <v>448</v>
      </c>
      <c r="C359" s="1">
        <v>2018</v>
      </c>
      <c r="D359" s="1" t="s">
        <v>292</v>
      </c>
      <c r="E359" s="3" t="s">
        <v>593</v>
      </c>
      <c r="F359" s="3">
        <v>0</v>
      </c>
    </row>
    <row r="360" spans="2:6" x14ac:dyDescent="0.25">
      <c r="B360" s="1" t="s">
        <v>448</v>
      </c>
      <c r="C360" s="1">
        <v>2018</v>
      </c>
      <c r="D360" s="1" t="s">
        <v>174</v>
      </c>
      <c r="E360" s="3" t="s">
        <v>593</v>
      </c>
      <c r="F360" s="3">
        <v>0</v>
      </c>
    </row>
    <row r="361" spans="2:6" x14ac:dyDescent="0.25">
      <c r="B361" s="1" t="s">
        <v>448</v>
      </c>
      <c r="C361" s="1">
        <v>2018</v>
      </c>
      <c r="D361" s="1" t="s">
        <v>304</v>
      </c>
      <c r="E361" s="3" t="s">
        <v>593</v>
      </c>
      <c r="F361" s="3">
        <v>0</v>
      </c>
    </row>
    <row r="362" spans="2:6" x14ac:dyDescent="0.25">
      <c r="B362" s="1" t="s">
        <v>445</v>
      </c>
      <c r="C362" s="1">
        <v>2018</v>
      </c>
      <c r="D362" s="1" t="s">
        <v>313</v>
      </c>
      <c r="E362" s="3" t="s">
        <v>593</v>
      </c>
      <c r="F362" s="3">
        <v>0</v>
      </c>
    </row>
    <row r="363" spans="2:6" x14ac:dyDescent="0.25">
      <c r="B363" s="1" t="s">
        <v>448</v>
      </c>
      <c r="C363" s="1">
        <v>2018</v>
      </c>
      <c r="D363" s="1" t="s">
        <v>192</v>
      </c>
      <c r="E363" s="3" t="s">
        <v>593</v>
      </c>
      <c r="F363" s="3">
        <v>0</v>
      </c>
    </row>
    <row r="364" spans="2:6" x14ac:dyDescent="0.25">
      <c r="B364" s="1" t="s">
        <v>448</v>
      </c>
      <c r="C364" s="1">
        <v>2018</v>
      </c>
      <c r="D364" s="1" t="s">
        <v>325</v>
      </c>
      <c r="E364" s="3" t="s">
        <v>593</v>
      </c>
      <c r="F364" s="3">
        <v>0</v>
      </c>
    </row>
    <row r="365" spans="2:6" x14ac:dyDescent="0.25">
      <c r="B365" s="1" t="s">
        <v>448</v>
      </c>
      <c r="C365" s="1">
        <v>2018</v>
      </c>
      <c r="D365" s="1" t="s">
        <v>192</v>
      </c>
      <c r="E365" s="3" t="s">
        <v>593</v>
      </c>
      <c r="F365" s="3">
        <v>0</v>
      </c>
    </row>
    <row r="366" spans="2:6" x14ac:dyDescent="0.25">
      <c r="B366" s="1" t="s">
        <v>448</v>
      </c>
      <c r="C366" s="1">
        <v>2018</v>
      </c>
      <c r="D366" s="1" t="s">
        <v>334</v>
      </c>
      <c r="E366" s="3" t="s">
        <v>593</v>
      </c>
      <c r="F366" s="3">
        <v>0</v>
      </c>
    </row>
    <row r="367" spans="2:6" x14ac:dyDescent="0.25">
      <c r="B367" s="1" t="s">
        <v>448</v>
      </c>
      <c r="C367" s="1">
        <v>2018</v>
      </c>
      <c r="D367" s="1" t="s">
        <v>192</v>
      </c>
      <c r="E367" s="3" t="s">
        <v>593</v>
      </c>
      <c r="F367" s="3">
        <v>0</v>
      </c>
    </row>
    <row r="368" spans="2:6" x14ac:dyDescent="0.25">
      <c r="B368" s="1" t="s">
        <v>448</v>
      </c>
      <c r="C368" s="1">
        <v>2018</v>
      </c>
      <c r="D368" s="1" t="s">
        <v>162</v>
      </c>
      <c r="E368" s="3" t="s">
        <v>593</v>
      </c>
      <c r="F368" s="3">
        <v>0</v>
      </c>
    </row>
    <row r="369" spans="2:6" x14ac:dyDescent="0.25">
      <c r="B369" s="1" t="s">
        <v>448</v>
      </c>
      <c r="C369" s="1">
        <v>2018</v>
      </c>
      <c r="D369" s="1" t="s">
        <v>192</v>
      </c>
      <c r="E369" s="3" t="s">
        <v>593</v>
      </c>
      <c r="F369" s="3">
        <v>0</v>
      </c>
    </row>
    <row r="370" spans="2:6" x14ac:dyDescent="0.25">
      <c r="B370" s="1" t="s">
        <v>448</v>
      </c>
      <c r="C370" s="1">
        <v>2018</v>
      </c>
      <c r="D370" s="1" t="s">
        <v>354</v>
      </c>
      <c r="E370" s="3" t="s">
        <v>593</v>
      </c>
      <c r="F370" s="3">
        <v>0</v>
      </c>
    </row>
    <row r="371" spans="2:6" x14ac:dyDescent="0.25">
      <c r="B371" s="1" t="s">
        <v>448</v>
      </c>
      <c r="C371" s="1">
        <v>2018</v>
      </c>
      <c r="D371" s="1" t="s">
        <v>165</v>
      </c>
      <c r="E371" s="3" t="s">
        <v>593</v>
      </c>
      <c r="F371" s="3">
        <v>0</v>
      </c>
    </row>
    <row r="372" spans="2:6" x14ac:dyDescent="0.25">
      <c r="B372" s="1" t="s">
        <v>448</v>
      </c>
      <c r="C372" s="1">
        <v>2018</v>
      </c>
      <c r="D372" s="1" t="s">
        <v>368</v>
      </c>
      <c r="E372" s="3" t="s">
        <v>593</v>
      </c>
      <c r="F372" s="3">
        <v>0</v>
      </c>
    </row>
    <row r="373" spans="2:6" x14ac:dyDescent="0.25">
      <c r="B373" s="1" t="s">
        <v>448</v>
      </c>
      <c r="C373" s="1">
        <v>2018</v>
      </c>
      <c r="D373" s="1" t="s">
        <v>368</v>
      </c>
      <c r="E373" s="3" t="s">
        <v>593</v>
      </c>
      <c r="F373" s="3">
        <v>0</v>
      </c>
    </row>
    <row r="374" spans="2:6" x14ac:dyDescent="0.25">
      <c r="B374" s="1" t="s">
        <v>448</v>
      </c>
      <c r="C374" s="1">
        <v>2018</v>
      </c>
      <c r="D374" s="1" t="s">
        <v>166</v>
      </c>
      <c r="E374" s="3" t="s">
        <v>593</v>
      </c>
      <c r="F374" s="3">
        <v>0</v>
      </c>
    </row>
    <row r="375" spans="2:6" x14ac:dyDescent="0.25">
      <c r="B375" s="1" t="s">
        <v>448</v>
      </c>
      <c r="C375" s="1">
        <v>2018</v>
      </c>
      <c r="D375" s="1" t="s">
        <v>166</v>
      </c>
      <c r="E375" s="3" t="s">
        <v>593</v>
      </c>
      <c r="F375" s="3">
        <v>0</v>
      </c>
    </row>
    <row r="376" spans="2:6" x14ac:dyDescent="0.25">
      <c r="B376" s="1" t="s">
        <v>448</v>
      </c>
      <c r="C376" s="1">
        <v>2018</v>
      </c>
      <c r="D376" s="1" t="s">
        <v>189</v>
      </c>
      <c r="E376" s="3" t="s">
        <v>593</v>
      </c>
      <c r="F376" s="3">
        <v>0</v>
      </c>
    </row>
    <row r="377" spans="2:6" x14ac:dyDescent="0.25">
      <c r="B377" s="1" t="s">
        <v>448</v>
      </c>
      <c r="C377" s="1">
        <v>2018</v>
      </c>
      <c r="D377" s="1" t="s">
        <v>189</v>
      </c>
      <c r="E377" s="3" t="s">
        <v>593</v>
      </c>
      <c r="F377" s="3">
        <v>0</v>
      </c>
    </row>
    <row r="378" spans="2:6" x14ac:dyDescent="0.25">
      <c r="B378" s="1" t="s">
        <v>448</v>
      </c>
      <c r="C378" s="1">
        <v>2018</v>
      </c>
      <c r="D378" s="1" t="s">
        <v>381</v>
      </c>
      <c r="E378" s="3" t="s">
        <v>593</v>
      </c>
      <c r="F378" s="3">
        <v>0</v>
      </c>
    </row>
    <row r="379" spans="2:6" x14ac:dyDescent="0.25">
      <c r="B379" s="1" t="s">
        <v>448</v>
      </c>
      <c r="C379" s="1">
        <v>2018</v>
      </c>
      <c r="D379" s="1" t="s">
        <v>192</v>
      </c>
      <c r="E379" s="3" t="s">
        <v>593</v>
      </c>
      <c r="F379" s="3">
        <v>0</v>
      </c>
    </row>
    <row r="380" spans="2:6" x14ac:dyDescent="0.25">
      <c r="B380" s="1" t="s">
        <v>448</v>
      </c>
      <c r="C380" s="1">
        <v>2018</v>
      </c>
      <c r="D380" s="1" t="s">
        <v>192</v>
      </c>
      <c r="E380" s="3" t="s">
        <v>593</v>
      </c>
      <c r="F380" s="3">
        <v>0</v>
      </c>
    </row>
    <row r="381" spans="2:6" x14ac:dyDescent="0.25">
      <c r="B381" s="1" t="s">
        <v>448</v>
      </c>
      <c r="C381" s="1">
        <v>2018</v>
      </c>
      <c r="D381" s="1" t="s">
        <v>396</v>
      </c>
      <c r="E381" s="3" t="s">
        <v>593</v>
      </c>
      <c r="F381" s="3">
        <v>0</v>
      </c>
    </row>
    <row r="382" spans="2:6" x14ac:dyDescent="0.25">
      <c r="B382" s="1" t="s">
        <v>448</v>
      </c>
      <c r="C382" s="1">
        <v>2018</v>
      </c>
      <c r="D382" s="1" t="s">
        <v>396</v>
      </c>
      <c r="E382" s="3" t="s">
        <v>593</v>
      </c>
      <c r="F382" s="3">
        <v>0</v>
      </c>
    </row>
    <row r="383" spans="2:6" x14ac:dyDescent="0.25">
      <c r="B383" s="1" t="s">
        <v>448</v>
      </c>
      <c r="C383" s="1">
        <v>2018</v>
      </c>
      <c r="D383" s="1" t="s">
        <v>400</v>
      </c>
      <c r="E383" s="3" t="s">
        <v>593</v>
      </c>
      <c r="F383" s="3">
        <v>0</v>
      </c>
    </row>
    <row r="384" spans="2:6" x14ac:dyDescent="0.25">
      <c r="B384" s="1" t="s">
        <v>448</v>
      </c>
      <c r="C384" s="1">
        <v>2018</v>
      </c>
      <c r="D384" s="1" t="s">
        <v>192</v>
      </c>
      <c r="E384" s="3" t="s">
        <v>593</v>
      </c>
      <c r="F384" s="3">
        <v>0</v>
      </c>
    </row>
    <row r="385" spans="2:6" x14ac:dyDescent="0.25">
      <c r="B385" s="1" t="s">
        <v>448</v>
      </c>
      <c r="C385" s="1">
        <v>2018</v>
      </c>
      <c r="D385" s="1" t="s">
        <v>400</v>
      </c>
      <c r="E385" s="3" t="s">
        <v>593</v>
      </c>
      <c r="F385" s="3">
        <v>0</v>
      </c>
    </row>
    <row r="386" spans="2:6" x14ac:dyDescent="0.25">
      <c r="B386" s="1" t="s">
        <v>448</v>
      </c>
      <c r="C386" s="1">
        <v>2018</v>
      </c>
      <c r="D386" s="1" t="s">
        <v>166</v>
      </c>
      <c r="E386" s="3" t="s">
        <v>595</v>
      </c>
      <c r="F386" s="3">
        <v>0</v>
      </c>
    </row>
    <row r="387" spans="2:6" x14ac:dyDescent="0.25">
      <c r="B387" s="1" t="s">
        <v>448</v>
      </c>
      <c r="C387" s="1">
        <v>2018</v>
      </c>
      <c r="D387" s="1" t="s">
        <v>429</v>
      </c>
      <c r="E387" s="3" t="s">
        <v>596</v>
      </c>
      <c r="F387" s="3">
        <v>0</v>
      </c>
    </row>
    <row r="388" spans="2:6" x14ac:dyDescent="0.25">
      <c r="B388" s="1" t="s">
        <v>445</v>
      </c>
      <c r="C388" s="1">
        <v>2018</v>
      </c>
      <c r="D388" s="1" t="s">
        <v>438</v>
      </c>
      <c r="E388" s="3" t="s">
        <v>594</v>
      </c>
      <c r="F388" s="3">
        <v>0</v>
      </c>
    </row>
    <row r="389" spans="2:6" x14ac:dyDescent="0.25">
      <c r="B389" s="1" t="s">
        <v>445</v>
      </c>
      <c r="C389" s="1">
        <v>2017</v>
      </c>
      <c r="D389" s="1" t="s">
        <v>7</v>
      </c>
      <c r="E389" s="3" t="s">
        <v>593</v>
      </c>
      <c r="F389" s="3">
        <v>663.60406710712221</v>
      </c>
    </row>
    <row r="390" spans="2:6" x14ac:dyDescent="0.25">
      <c r="B390" s="1" t="s">
        <v>445</v>
      </c>
      <c r="C390" s="1">
        <v>2017</v>
      </c>
      <c r="D390" s="1" t="s">
        <v>16</v>
      </c>
      <c r="E390" s="3" t="s">
        <v>593</v>
      </c>
      <c r="F390" s="3">
        <v>427.62518510453651</v>
      </c>
    </row>
    <row r="391" spans="2:6" x14ac:dyDescent="0.25">
      <c r="B391" s="1" t="s">
        <v>445</v>
      </c>
      <c r="C391" s="1">
        <v>2017</v>
      </c>
      <c r="D391" s="1" t="s">
        <v>22</v>
      </c>
      <c r="E391" s="3" t="s">
        <v>593</v>
      </c>
      <c r="F391" s="3">
        <v>541.47101542635653</v>
      </c>
    </row>
    <row r="392" spans="2:6" x14ac:dyDescent="0.25">
      <c r="B392" s="1" t="s">
        <v>445</v>
      </c>
      <c r="C392" s="1">
        <v>2017</v>
      </c>
      <c r="D392" s="1" t="s">
        <v>32</v>
      </c>
      <c r="E392" s="3" t="s">
        <v>596</v>
      </c>
      <c r="F392" s="3">
        <v>16788.458654090267</v>
      </c>
    </row>
    <row r="393" spans="2:6" x14ac:dyDescent="0.25">
      <c r="B393" s="1" t="s">
        <v>445</v>
      </c>
      <c r="C393" s="1">
        <v>2017</v>
      </c>
      <c r="D393" s="1" t="s">
        <v>35</v>
      </c>
      <c r="E393" s="3" t="s">
        <v>593</v>
      </c>
      <c r="F393" s="3">
        <v>1880.436797717442</v>
      </c>
    </row>
    <row r="394" spans="2:6" x14ac:dyDescent="0.25">
      <c r="B394" s="1" t="s">
        <v>445</v>
      </c>
      <c r="C394" s="1">
        <v>2017</v>
      </c>
      <c r="D394" s="1" t="s">
        <v>40</v>
      </c>
      <c r="E394" s="3" t="s">
        <v>593</v>
      </c>
      <c r="F394" s="3">
        <v>2872.3260604736502</v>
      </c>
    </row>
    <row r="395" spans="2:6" x14ac:dyDescent="0.25">
      <c r="B395" s="1" t="s">
        <v>445</v>
      </c>
      <c r="C395" s="1">
        <v>2017</v>
      </c>
      <c r="D395" s="1" t="s">
        <v>54</v>
      </c>
      <c r="E395" s="3" t="s">
        <v>595</v>
      </c>
      <c r="F395" s="3">
        <v>3207.1638561974155</v>
      </c>
    </row>
    <row r="396" spans="2:6" x14ac:dyDescent="0.25">
      <c r="B396" s="1" t="s">
        <v>445</v>
      </c>
      <c r="C396" s="1">
        <v>2017</v>
      </c>
      <c r="D396" s="1" t="s">
        <v>62</v>
      </c>
      <c r="E396" s="3" t="s">
        <v>597</v>
      </c>
      <c r="F396" s="3">
        <v>43992.773884054717</v>
      </c>
    </row>
    <row r="397" spans="2:6" x14ac:dyDescent="0.25">
      <c r="B397" s="1" t="s">
        <v>445</v>
      </c>
      <c r="C397" s="1">
        <v>2017</v>
      </c>
      <c r="D397" s="1" t="s">
        <v>63</v>
      </c>
      <c r="E397" s="3" t="s">
        <v>593</v>
      </c>
      <c r="F397" s="3">
        <v>355.93990038697416</v>
      </c>
    </row>
    <row r="398" spans="2:6" x14ac:dyDescent="0.25">
      <c r="B398" s="1" t="s">
        <v>445</v>
      </c>
      <c r="C398" s="1">
        <v>2017</v>
      </c>
      <c r="D398" s="1" t="s">
        <v>66</v>
      </c>
      <c r="E398" s="3" t="s">
        <v>593</v>
      </c>
      <c r="F398" s="3">
        <v>1150.7589679267016</v>
      </c>
    </row>
    <row r="399" spans="2:6" x14ac:dyDescent="0.25">
      <c r="B399" s="1" t="s">
        <v>445</v>
      </c>
      <c r="C399" s="1">
        <v>2017</v>
      </c>
      <c r="D399" s="1" t="s">
        <v>68</v>
      </c>
      <c r="E399" s="3" t="s">
        <v>593</v>
      </c>
      <c r="F399" s="3">
        <v>615.61925686610743</v>
      </c>
    </row>
    <row r="400" spans="2:6" x14ac:dyDescent="0.25">
      <c r="B400" s="1" t="s">
        <v>445</v>
      </c>
      <c r="C400" s="1">
        <v>2017</v>
      </c>
      <c r="D400" s="1" t="s">
        <v>77</v>
      </c>
      <c r="E400" s="3" t="s">
        <v>593</v>
      </c>
      <c r="F400" s="3">
        <v>871.57977925052637</v>
      </c>
    </row>
    <row r="401" spans="2:6" x14ac:dyDescent="0.25">
      <c r="B401" s="1" t="s">
        <v>445</v>
      </c>
      <c r="C401" s="1">
        <v>2017</v>
      </c>
      <c r="D401" s="1" t="s">
        <v>85</v>
      </c>
      <c r="E401" s="3" t="s">
        <v>593</v>
      </c>
      <c r="F401" s="3">
        <v>551.46351820999996</v>
      </c>
    </row>
    <row r="402" spans="2:6" x14ac:dyDescent="0.25">
      <c r="B402" s="1" t="s">
        <v>445</v>
      </c>
      <c r="C402" s="1">
        <v>2017</v>
      </c>
      <c r="D402" s="1" t="s">
        <v>97</v>
      </c>
      <c r="E402" s="3" t="s">
        <v>593</v>
      </c>
      <c r="F402" s="3">
        <v>161.47384857307691</v>
      </c>
    </row>
    <row r="403" spans="2:6" x14ac:dyDescent="0.25">
      <c r="B403" s="1" t="s">
        <v>446</v>
      </c>
      <c r="C403" s="1">
        <v>2017</v>
      </c>
      <c r="D403" s="1" t="s">
        <v>99</v>
      </c>
      <c r="E403" s="3" t="s">
        <v>593</v>
      </c>
      <c r="F403" s="3">
        <v>601.98337500000002</v>
      </c>
    </row>
    <row r="404" spans="2:6" x14ac:dyDescent="0.25">
      <c r="B404" s="1" t="s">
        <v>445</v>
      </c>
      <c r="C404" s="1">
        <v>2017</v>
      </c>
      <c r="D404" s="1" t="s">
        <v>103</v>
      </c>
      <c r="E404" s="3" t="s">
        <v>593</v>
      </c>
      <c r="F404" s="3">
        <v>299.59193481966105</v>
      </c>
    </row>
    <row r="405" spans="2:6" x14ac:dyDescent="0.25">
      <c r="B405" s="1" t="s">
        <v>445</v>
      </c>
      <c r="C405" s="1">
        <v>2017</v>
      </c>
      <c r="D405" s="1" t="s">
        <v>108</v>
      </c>
      <c r="E405" s="3" t="s">
        <v>593</v>
      </c>
      <c r="F405" s="3">
        <v>295.02520513420006</v>
      </c>
    </row>
    <row r="406" spans="2:6" x14ac:dyDescent="0.25">
      <c r="B406" s="1" t="s">
        <v>445</v>
      </c>
      <c r="C406" s="1">
        <v>2017</v>
      </c>
      <c r="D406" s="1" t="s">
        <v>109</v>
      </c>
      <c r="E406" s="3" t="s">
        <v>595</v>
      </c>
      <c r="F406" s="3">
        <v>718.82615979075013</v>
      </c>
    </row>
    <row r="407" spans="2:6" x14ac:dyDescent="0.25">
      <c r="B407" s="1" t="s">
        <v>445</v>
      </c>
      <c r="C407" s="1">
        <v>2017</v>
      </c>
      <c r="D407" s="1" t="s">
        <v>114</v>
      </c>
      <c r="E407" s="3" t="s">
        <v>595</v>
      </c>
      <c r="F407" s="3">
        <v>804.45038586443252</v>
      </c>
    </row>
    <row r="408" spans="2:6" x14ac:dyDescent="0.25">
      <c r="B408" s="1" t="s">
        <v>447</v>
      </c>
      <c r="C408" s="1">
        <v>2017</v>
      </c>
      <c r="D408" s="1" t="s">
        <v>132</v>
      </c>
      <c r="E408" s="3" t="s">
        <v>594</v>
      </c>
      <c r="F408" s="3">
        <v>448.46419973347673</v>
      </c>
    </row>
    <row r="409" spans="2:6" x14ac:dyDescent="0.25">
      <c r="B409" s="1" t="s">
        <v>445</v>
      </c>
      <c r="C409" s="1">
        <v>2017</v>
      </c>
      <c r="D409" s="1" t="s">
        <v>26</v>
      </c>
      <c r="E409" s="3" t="s">
        <v>593</v>
      </c>
      <c r="F409" s="3">
        <v>7.7137082242975783</v>
      </c>
    </row>
    <row r="410" spans="2:6" x14ac:dyDescent="0.25">
      <c r="B410" s="1" t="s">
        <v>448</v>
      </c>
      <c r="C410" s="1">
        <v>2017</v>
      </c>
      <c r="D410" s="1" t="s">
        <v>136</v>
      </c>
      <c r="E410" s="3" t="s">
        <v>596</v>
      </c>
      <c r="F410" s="3">
        <v>31.074472057762751</v>
      </c>
    </row>
    <row r="411" spans="2:6" x14ac:dyDescent="0.25">
      <c r="B411" s="1" t="s">
        <v>448</v>
      </c>
      <c r="C411" s="1">
        <v>2017</v>
      </c>
      <c r="D411" s="1" t="s">
        <v>140</v>
      </c>
      <c r="E411" s="3" t="s">
        <v>593</v>
      </c>
      <c r="F411" s="3">
        <v>0</v>
      </c>
    </row>
    <row r="412" spans="2:6" x14ac:dyDescent="0.25">
      <c r="B412" s="1" t="s">
        <v>448</v>
      </c>
      <c r="C412" s="1">
        <v>2017</v>
      </c>
      <c r="D412" s="1" t="s">
        <v>140</v>
      </c>
      <c r="E412" s="3" t="s">
        <v>593</v>
      </c>
      <c r="F412" s="3">
        <v>0</v>
      </c>
    </row>
    <row r="413" spans="2:6" x14ac:dyDescent="0.25">
      <c r="B413" s="1" t="s">
        <v>448</v>
      </c>
      <c r="C413" s="1">
        <v>2017</v>
      </c>
      <c r="D413" s="1" t="s">
        <v>143</v>
      </c>
      <c r="E413" s="3" t="s">
        <v>593</v>
      </c>
      <c r="F413" s="3">
        <v>0</v>
      </c>
    </row>
    <row r="414" spans="2:6" x14ac:dyDescent="0.25">
      <c r="B414" s="1" t="s">
        <v>448</v>
      </c>
      <c r="C414" s="1">
        <v>2017</v>
      </c>
      <c r="D414" s="1" t="s">
        <v>146</v>
      </c>
      <c r="E414" s="3" t="s">
        <v>593</v>
      </c>
      <c r="F414" s="3">
        <v>0</v>
      </c>
    </row>
    <row r="415" spans="2:6" x14ac:dyDescent="0.25">
      <c r="B415" s="1" t="s">
        <v>448</v>
      </c>
      <c r="C415" s="1">
        <v>2017</v>
      </c>
      <c r="D415" s="1" t="s">
        <v>148</v>
      </c>
      <c r="E415" s="3" t="s">
        <v>593</v>
      </c>
      <c r="F415" s="3">
        <v>0</v>
      </c>
    </row>
    <row r="416" spans="2:6" x14ac:dyDescent="0.25">
      <c r="B416" s="1" t="s">
        <v>448</v>
      </c>
      <c r="C416" s="1">
        <v>2017</v>
      </c>
      <c r="D416" s="1" t="s">
        <v>152</v>
      </c>
      <c r="E416" s="3" t="s">
        <v>593</v>
      </c>
      <c r="F416" s="3">
        <v>0</v>
      </c>
    </row>
    <row r="417" spans="2:6" x14ac:dyDescent="0.25">
      <c r="B417" s="1" t="s">
        <v>448</v>
      </c>
      <c r="C417" s="1">
        <v>2017</v>
      </c>
      <c r="D417" s="1" t="s">
        <v>154</v>
      </c>
      <c r="E417" s="3" t="s">
        <v>593</v>
      </c>
      <c r="F417" s="3">
        <v>0</v>
      </c>
    </row>
    <row r="418" spans="2:6" x14ac:dyDescent="0.25">
      <c r="B418" s="1" t="s">
        <v>448</v>
      </c>
      <c r="C418" s="1">
        <v>2017</v>
      </c>
      <c r="D418" s="1" t="s">
        <v>161</v>
      </c>
      <c r="E418" s="3" t="s">
        <v>593</v>
      </c>
      <c r="F418" s="3">
        <v>0</v>
      </c>
    </row>
    <row r="419" spans="2:6" x14ac:dyDescent="0.25">
      <c r="B419" s="1" t="s">
        <v>448</v>
      </c>
      <c r="C419" s="1">
        <v>2017</v>
      </c>
      <c r="D419" s="1" t="s">
        <v>163</v>
      </c>
      <c r="E419" s="3" t="s">
        <v>593</v>
      </c>
      <c r="F419" s="3">
        <v>0</v>
      </c>
    </row>
    <row r="420" spans="2:6" x14ac:dyDescent="0.25">
      <c r="B420" s="1" t="s">
        <v>448</v>
      </c>
      <c r="C420" s="1">
        <v>2017</v>
      </c>
      <c r="D420" s="1" t="s">
        <v>166</v>
      </c>
      <c r="E420" s="3" t="s">
        <v>593</v>
      </c>
      <c r="F420" s="3">
        <v>0</v>
      </c>
    </row>
    <row r="421" spans="2:6" x14ac:dyDescent="0.25">
      <c r="B421" s="1" t="s">
        <v>448</v>
      </c>
      <c r="C421" s="1">
        <v>2017</v>
      </c>
      <c r="D421" s="1" t="s">
        <v>171</v>
      </c>
      <c r="E421" s="3" t="s">
        <v>593</v>
      </c>
      <c r="F421" s="3">
        <v>0</v>
      </c>
    </row>
    <row r="422" spans="2:6" x14ac:dyDescent="0.25">
      <c r="B422" s="1" t="s">
        <v>448</v>
      </c>
      <c r="C422" s="1">
        <v>2017</v>
      </c>
      <c r="D422" s="1" t="s">
        <v>174</v>
      </c>
      <c r="E422" s="3" t="s">
        <v>593</v>
      </c>
      <c r="F422" s="3">
        <v>0</v>
      </c>
    </row>
    <row r="423" spans="2:6" x14ac:dyDescent="0.25">
      <c r="B423" s="1" t="s">
        <v>448</v>
      </c>
      <c r="C423" s="1">
        <v>2017</v>
      </c>
      <c r="D423" s="1" t="s">
        <v>176</v>
      </c>
      <c r="E423" s="3" t="s">
        <v>593</v>
      </c>
      <c r="F423" s="3">
        <v>0</v>
      </c>
    </row>
    <row r="424" spans="2:6" x14ac:dyDescent="0.25">
      <c r="B424" s="1" t="s">
        <v>448</v>
      </c>
      <c r="C424" s="1">
        <v>2017</v>
      </c>
      <c r="D424" s="1" t="s">
        <v>166</v>
      </c>
      <c r="E424" s="3" t="s">
        <v>593</v>
      </c>
      <c r="F424" s="3">
        <v>0</v>
      </c>
    </row>
    <row r="425" spans="2:6" x14ac:dyDescent="0.25">
      <c r="B425" s="1" t="s">
        <v>448</v>
      </c>
      <c r="C425" s="1">
        <v>2017</v>
      </c>
      <c r="D425" s="1" t="s">
        <v>166</v>
      </c>
      <c r="E425" s="3" t="s">
        <v>593</v>
      </c>
      <c r="F425" s="3">
        <v>0</v>
      </c>
    </row>
    <row r="426" spans="2:6" x14ac:dyDescent="0.25">
      <c r="B426" s="1" t="s">
        <v>448</v>
      </c>
      <c r="C426" s="1">
        <v>2017</v>
      </c>
      <c r="D426" s="1" t="s">
        <v>180</v>
      </c>
      <c r="E426" s="3" t="s">
        <v>593</v>
      </c>
      <c r="F426" s="3">
        <v>0</v>
      </c>
    </row>
    <row r="427" spans="2:6" x14ac:dyDescent="0.25">
      <c r="B427" s="1" t="s">
        <v>445</v>
      </c>
      <c r="C427" s="1">
        <v>2017</v>
      </c>
      <c r="D427" s="1" t="s">
        <v>191</v>
      </c>
      <c r="E427" s="3" t="s">
        <v>593</v>
      </c>
      <c r="F427" s="3">
        <v>0</v>
      </c>
    </row>
    <row r="428" spans="2:6" x14ac:dyDescent="0.25">
      <c r="B428" s="1" t="s">
        <v>448</v>
      </c>
      <c r="C428" s="1">
        <v>2017</v>
      </c>
      <c r="D428" s="1" t="s">
        <v>166</v>
      </c>
      <c r="E428" s="3" t="s">
        <v>593</v>
      </c>
      <c r="F428" s="3">
        <v>0</v>
      </c>
    </row>
    <row r="429" spans="2:6" x14ac:dyDescent="0.25">
      <c r="B429" s="1" t="s">
        <v>448</v>
      </c>
      <c r="C429" s="1">
        <v>2017</v>
      </c>
      <c r="D429" s="1" t="s">
        <v>202</v>
      </c>
      <c r="E429" s="3" t="s">
        <v>593</v>
      </c>
      <c r="F429" s="3">
        <v>0</v>
      </c>
    </row>
    <row r="430" spans="2:6" x14ac:dyDescent="0.25">
      <c r="B430" s="1" t="s">
        <v>448</v>
      </c>
      <c r="C430" s="1">
        <v>2017</v>
      </c>
      <c r="D430" s="1" t="s">
        <v>204</v>
      </c>
      <c r="E430" s="3" t="s">
        <v>593</v>
      </c>
      <c r="F430" s="3">
        <v>0</v>
      </c>
    </row>
    <row r="431" spans="2:6" x14ac:dyDescent="0.25">
      <c r="B431" s="1" t="s">
        <v>448</v>
      </c>
      <c r="C431" s="1">
        <v>2017</v>
      </c>
      <c r="D431" s="1" t="s">
        <v>166</v>
      </c>
      <c r="E431" s="3" t="s">
        <v>593</v>
      </c>
      <c r="F431" s="3">
        <v>0</v>
      </c>
    </row>
    <row r="432" spans="2:6" x14ac:dyDescent="0.25">
      <c r="B432" s="1" t="s">
        <v>448</v>
      </c>
      <c r="C432" s="1">
        <v>2017</v>
      </c>
      <c r="D432" s="1" t="s">
        <v>208</v>
      </c>
      <c r="E432" s="3" t="s">
        <v>593</v>
      </c>
      <c r="F432" s="3">
        <v>0</v>
      </c>
    </row>
    <row r="433" spans="2:6" x14ac:dyDescent="0.25">
      <c r="B433" s="1" t="s">
        <v>448</v>
      </c>
      <c r="C433" s="1">
        <v>2017</v>
      </c>
      <c r="D433" s="1" t="s">
        <v>210</v>
      </c>
      <c r="E433" s="3" t="s">
        <v>593</v>
      </c>
      <c r="F433" s="3">
        <v>0</v>
      </c>
    </row>
    <row r="434" spans="2:6" x14ac:dyDescent="0.25">
      <c r="B434" s="1" t="s">
        <v>448</v>
      </c>
      <c r="C434" s="1">
        <v>2017</v>
      </c>
      <c r="D434" s="1" t="s">
        <v>166</v>
      </c>
      <c r="E434" s="3" t="s">
        <v>593</v>
      </c>
      <c r="F434" s="3">
        <v>0</v>
      </c>
    </row>
    <row r="435" spans="2:6" x14ac:dyDescent="0.25">
      <c r="B435" s="1" t="s">
        <v>448</v>
      </c>
      <c r="C435" s="1">
        <v>2017</v>
      </c>
      <c r="D435" s="1" t="s">
        <v>152</v>
      </c>
      <c r="E435" s="3" t="s">
        <v>593</v>
      </c>
      <c r="F435" s="3">
        <v>0</v>
      </c>
    </row>
    <row r="436" spans="2:6" x14ac:dyDescent="0.25">
      <c r="B436" s="1" t="s">
        <v>448</v>
      </c>
      <c r="C436" s="1">
        <v>2017</v>
      </c>
      <c r="D436" s="1" t="s">
        <v>213</v>
      </c>
      <c r="E436" s="3" t="s">
        <v>593</v>
      </c>
      <c r="F436" s="3">
        <v>0</v>
      </c>
    </row>
    <row r="437" spans="2:6" x14ac:dyDescent="0.25">
      <c r="B437" s="1" t="s">
        <v>447</v>
      </c>
      <c r="C437" s="1">
        <v>2017</v>
      </c>
      <c r="D437" s="1" t="s">
        <v>215</v>
      </c>
      <c r="E437" s="3" t="s">
        <v>593</v>
      </c>
      <c r="F437" s="3">
        <v>0</v>
      </c>
    </row>
    <row r="438" spans="2:6" x14ac:dyDescent="0.25">
      <c r="B438" s="1" t="s">
        <v>448</v>
      </c>
      <c r="C438" s="1">
        <v>2017</v>
      </c>
      <c r="D438" s="1" t="s">
        <v>218</v>
      </c>
      <c r="E438" s="3" t="s">
        <v>593</v>
      </c>
      <c r="F438" s="3">
        <v>0</v>
      </c>
    </row>
    <row r="439" spans="2:6" x14ac:dyDescent="0.25">
      <c r="B439" s="1" t="s">
        <v>448</v>
      </c>
      <c r="C439" s="1">
        <v>2017</v>
      </c>
      <c r="D439" s="1" t="s">
        <v>219</v>
      </c>
      <c r="E439" s="3" t="s">
        <v>593</v>
      </c>
      <c r="F439" s="3">
        <v>0</v>
      </c>
    </row>
    <row r="440" spans="2:6" x14ac:dyDescent="0.25">
      <c r="B440" s="1" t="s">
        <v>448</v>
      </c>
      <c r="C440" s="1">
        <v>2017</v>
      </c>
      <c r="D440" s="1" t="s">
        <v>166</v>
      </c>
      <c r="E440" s="3" t="s">
        <v>593</v>
      </c>
      <c r="F440" s="3">
        <v>0</v>
      </c>
    </row>
    <row r="441" spans="2:6" x14ac:dyDescent="0.25">
      <c r="B441" s="1" t="s">
        <v>448</v>
      </c>
      <c r="C441" s="1">
        <v>2017</v>
      </c>
      <c r="D441" s="1" t="s">
        <v>228</v>
      </c>
      <c r="E441" s="3" t="s">
        <v>593</v>
      </c>
      <c r="F441" s="3">
        <v>0</v>
      </c>
    </row>
    <row r="442" spans="2:6" x14ac:dyDescent="0.25">
      <c r="B442" s="1" t="s">
        <v>448</v>
      </c>
      <c r="C442" s="1">
        <v>2017</v>
      </c>
      <c r="D442" s="1" t="s">
        <v>162</v>
      </c>
      <c r="E442" s="3" t="s">
        <v>593</v>
      </c>
      <c r="F442" s="3">
        <v>0</v>
      </c>
    </row>
    <row r="443" spans="2:6" x14ac:dyDescent="0.25">
      <c r="B443" s="1" t="s">
        <v>448</v>
      </c>
      <c r="C443" s="1">
        <v>2017</v>
      </c>
      <c r="D443" s="1" t="s">
        <v>230</v>
      </c>
      <c r="E443" s="3" t="s">
        <v>593</v>
      </c>
      <c r="F443" s="3">
        <v>0</v>
      </c>
    </row>
    <row r="444" spans="2:6" x14ac:dyDescent="0.25">
      <c r="B444" s="1" t="s">
        <v>448</v>
      </c>
      <c r="C444" s="1">
        <v>2017</v>
      </c>
      <c r="D444" s="1" t="s">
        <v>162</v>
      </c>
      <c r="E444" s="3" t="s">
        <v>593</v>
      </c>
      <c r="F444" s="3">
        <v>0</v>
      </c>
    </row>
    <row r="445" spans="2:6" x14ac:dyDescent="0.25">
      <c r="B445" s="1" t="s">
        <v>448</v>
      </c>
      <c r="C445" s="1">
        <v>2017</v>
      </c>
      <c r="D445" s="1" t="s">
        <v>232</v>
      </c>
      <c r="E445" s="3" t="s">
        <v>593</v>
      </c>
      <c r="F445" s="3">
        <v>0</v>
      </c>
    </row>
    <row r="446" spans="2:6" x14ac:dyDescent="0.25">
      <c r="B446" s="1" t="s">
        <v>448</v>
      </c>
      <c r="C446" s="1">
        <v>2017</v>
      </c>
      <c r="D446" s="1" t="s">
        <v>162</v>
      </c>
      <c r="E446" s="3" t="s">
        <v>593</v>
      </c>
      <c r="F446" s="3">
        <v>0</v>
      </c>
    </row>
    <row r="447" spans="2:6" x14ac:dyDescent="0.25">
      <c r="B447" s="1" t="s">
        <v>448</v>
      </c>
      <c r="C447" s="1">
        <v>2017</v>
      </c>
      <c r="D447" s="1" t="s">
        <v>241</v>
      </c>
      <c r="E447" s="3" t="s">
        <v>593</v>
      </c>
      <c r="F447" s="3">
        <v>0</v>
      </c>
    </row>
    <row r="448" spans="2:6" x14ac:dyDescent="0.25">
      <c r="B448" s="1" t="s">
        <v>448</v>
      </c>
      <c r="C448" s="1">
        <v>2017</v>
      </c>
      <c r="D448" s="1" t="s">
        <v>210</v>
      </c>
      <c r="E448" s="3" t="s">
        <v>593</v>
      </c>
      <c r="F448" s="3">
        <v>0</v>
      </c>
    </row>
    <row r="449" spans="2:6" x14ac:dyDescent="0.25">
      <c r="B449" s="1" t="s">
        <v>448</v>
      </c>
      <c r="C449" s="1">
        <v>2017</v>
      </c>
      <c r="D449" s="1" t="s">
        <v>166</v>
      </c>
      <c r="E449" s="3" t="s">
        <v>593</v>
      </c>
      <c r="F449" s="3">
        <v>0</v>
      </c>
    </row>
    <row r="450" spans="2:6" x14ac:dyDescent="0.25">
      <c r="B450" s="1" t="s">
        <v>448</v>
      </c>
      <c r="C450" s="1">
        <v>2017</v>
      </c>
      <c r="D450" s="1" t="s">
        <v>250</v>
      </c>
      <c r="E450" s="3" t="s">
        <v>593</v>
      </c>
      <c r="F450" s="3">
        <v>0</v>
      </c>
    </row>
    <row r="451" spans="2:6" x14ac:dyDescent="0.25">
      <c r="B451" s="1" t="s">
        <v>448</v>
      </c>
      <c r="C451" s="1">
        <v>2017</v>
      </c>
      <c r="D451" s="1" t="s">
        <v>252</v>
      </c>
      <c r="E451" s="3" t="s">
        <v>593</v>
      </c>
      <c r="F451" s="3">
        <v>0</v>
      </c>
    </row>
    <row r="452" spans="2:6" x14ac:dyDescent="0.25">
      <c r="B452" s="1" t="s">
        <v>448</v>
      </c>
      <c r="C452" s="1">
        <v>2017</v>
      </c>
      <c r="D452" s="1" t="s">
        <v>255</v>
      </c>
      <c r="E452" s="3" t="s">
        <v>593</v>
      </c>
      <c r="F452" s="3">
        <v>0</v>
      </c>
    </row>
    <row r="453" spans="2:6" x14ac:dyDescent="0.25">
      <c r="B453" s="1" t="s">
        <v>448</v>
      </c>
      <c r="C453" s="1">
        <v>2017</v>
      </c>
      <c r="D453" s="1" t="s">
        <v>257</v>
      </c>
      <c r="E453" s="3" t="s">
        <v>593</v>
      </c>
      <c r="F453" s="3">
        <v>0</v>
      </c>
    </row>
    <row r="454" spans="2:6" x14ac:dyDescent="0.25">
      <c r="B454" s="1" t="s">
        <v>448</v>
      </c>
      <c r="C454" s="1">
        <v>2017</v>
      </c>
      <c r="D454" s="1" t="s">
        <v>258</v>
      </c>
      <c r="E454" s="3" t="s">
        <v>593</v>
      </c>
      <c r="F454" s="3">
        <v>0</v>
      </c>
    </row>
    <row r="455" spans="2:6" x14ac:dyDescent="0.25">
      <c r="B455" s="1" t="s">
        <v>448</v>
      </c>
      <c r="C455" s="1">
        <v>2017</v>
      </c>
      <c r="D455" s="1" t="s">
        <v>265</v>
      </c>
      <c r="E455" s="3" t="s">
        <v>593</v>
      </c>
      <c r="F455" s="3">
        <v>0</v>
      </c>
    </row>
    <row r="456" spans="2:6" x14ac:dyDescent="0.25">
      <c r="B456" s="1" t="s">
        <v>446</v>
      </c>
      <c r="C456" s="1">
        <v>2017</v>
      </c>
      <c r="D456" s="1" t="s">
        <v>266</v>
      </c>
      <c r="E456" s="3" t="s">
        <v>593</v>
      </c>
      <c r="F456" s="3">
        <v>0</v>
      </c>
    </row>
    <row r="457" spans="2:6" x14ac:dyDescent="0.25">
      <c r="B457" s="1" t="s">
        <v>448</v>
      </c>
      <c r="C457" s="1">
        <v>2017</v>
      </c>
      <c r="D457" s="1" t="s">
        <v>269</v>
      </c>
      <c r="E457" s="3" t="s">
        <v>593</v>
      </c>
      <c r="F457" s="3">
        <v>0</v>
      </c>
    </row>
    <row r="458" spans="2:6" x14ac:dyDescent="0.25">
      <c r="B458" s="1" t="s">
        <v>448</v>
      </c>
      <c r="C458" s="1">
        <v>2017</v>
      </c>
      <c r="D458" s="1" t="s">
        <v>152</v>
      </c>
      <c r="E458" s="3" t="s">
        <v>593</v>
      </c>
      <c r="F458" s="3">
        <v>0</v>
      </c>
    </row>
    <row r="459" spans="2:6" x14ac:dyDescent="0.25">
      <c r="B459" s="1" t="s">
        <v>448</v>
      </c>
      <c r="C459" s="1">
        <v>2017</v>
      </c>
      <c r="D459" s="1" t="s">
        <v>270</v>
      </c>
      <c r="E459" s="3" t="s">
        <v>593</v>
      </c>
      <c r="F459" s="3">
        <v>0</v>
      </c>
    </row>
    <row r="460" spans="2:6" x14ac:dyDescent="0.25">
      <c r="B460" s="1" t="s">
        <v>448</v>
      </c>
      <c r="C460" s="1">
        <v>2017</v>
      </c>
      <c r="D460" s="1" t="s">
        <v>192</v>
      </c>
      <c r="E460" s="3" t="s">
        <v>593</v>
      </c>
      <c r="F460" s="3">
        <v>0</v>
      </c>
    </row>
    <row r="461" spans="2:6" x14ac:dyDescent="0.25">
      <c r="B461" s="1" t="s">
        <v>448</v>
      </c>
      <c r="C461" s="1">
        <v>2017</v>
      </c>
      <c r="D461" s="1" t="s">
        <v>166</v>
      </c>
      <c r="E461" s="3" t="s">
        <v>593</v>
      </c>
      <c r="F461" s="3">
        <v>0</v>
      </c>
    </row>
    <row r="462" spans="2:6" x14ac:dyDescent="0.25">
      <c r="B462" s="1" t="s">
        <v>448</v>
      </c>
      <c r="C462" s="1">
        <v>2017</v>
      </c>
      <c r="D462" s="1" t="s">
        <v>279</v>
      </c>
      <c r="E462" s="3" t="s">
        <v>593</v>
      </c>
      <c r="F462" s="3">
        <v>0</v>
      </c>
    </row>
    <row r="463" spans="2:6" x14ac:dyDescent="0.25">
      <c r="B463" s="1" t="s">
        <v>448</v>
      </c>
      <c r="C463" s="1">
        <v>2017</v>
      </c>
      <c r="D463" s="1" t="s">
        <v>279</v>
      </c>
      <c r="E463" s="3" t="s">
        <v>593</v>
      </c>
      <c r="F463" s="3">
        <v>0</v>
      </c>
    </row>
    <row r="464" spans="2:6" x14ac:dyDescent="0.25">
      <c r="B464" s="1" t="s">
        <v>448</v>
      </c>
      <c r="C464" s="1">
        <v>2017</v>
      </c>
      <c r="D464" s="1" t="s">
        <v>192</v>
      </c>
      <c r="E464" s="3" t="s">
        <v>593</v>
      </c>
      <c r="F464" s="3">
        <v>0</v>
      </c>
    </row>
    <row r="465" spans="2:6" x14ac:dyDescent="0.25">
      <c r="B465" s="1" t="s">
        <v>448</v>
      </c>
      <c r="C465" s="1">
        <v>2017</v>
      </c>
      <c r="D465" s="1" t="s">
        <v>290</v>
      </c>
      <c r="E465" s="3" t="s">
        <v>593</v>
      </c>
      <c r="F465" s="3">
        <v>0</v>
      </c>
    </row>
    <row r="466" spans="2:6" x14ac:dyDescent="0.25">
      <c r="B466" s="1" t="s">
        <v>448</v>
      </c>
      <c r="C466" s="1">
        <v>2017</v>
      </c>
      <c r="D466" s="1" t="s">
        <v>174</v>
      </c>
      <c r="E466" s="3" t="s">
        <v>593</v>
      </c>
      <c r="F466" s="3">
        <v>0</v>
      </c>
    </row>
    <row r="467" spans="2:6" x14ac:dyDescent="0.25">
      <c r="B467" s="1" t="s">
        <v>448</v>
      </c>
      <c r="C467" s="1">
        <v>2017</v>
      </c>
      <c r="D467" s="1" t="s">
        <v>295</v>
      </c>
      <c r="E467" s="3" t="s">
        <v>593</v>
      </c>
      <c r="F467" s="3">
        <v>0</v>
      </c>
    </row>
    <row r="468" spans="2:6" x14ac:dyDescent="0.25">
      <c r="B468" s="1" t="s">
        <v>448</v>
      </c>
      <c r="C468" s="1">
        <v>2017</v>
      </c>
      <c r="D468" s="1" t="s">
        <v>182</v>
      </c>
      <c r="E468" s="3" t="s">
        <v>593</v>
      </c>
      <c r="F468" s="3">
        <v>0</v>
      </c>
    </row>
    <row r="469" spans="2:6" x14ac:dyDescent="0.25">
      <c r="B469" s="1" t="s">
        <v>448</v>
      </c>
      <c r="C469" s="1">
        <v>2017</v>
      </c>
      <c r="D469" s="1" t="s">
        <v>297</v>
      </c>
      <c r="E469" s="3" t="s">
        <v>593</v>
      </c>
      <c r="F469" s="3">
        <v>0</v>
      </c>
    </row>
    <row r="470" spans="2:6" x14ac:dyDescent="0.25">
      <c r="B470" s="1" t="s">
        <v>448</v>
      </c>
      <c r="C470" s="1">
        <v>2017</v>
      </c>
      <c r="D470" s="1" t="s">
        <v>166</v>
      </c>
      <c r="E470" s="3" t="s">
        <v>593</v>
      </c>
      <c r="F470" s="3">
        <v>0</v>
      </c>
    </row>
    <row r="471" spans="2:6" x14ac:dyDescent="0.25">
      <c r="B471" s="1" t="s">
        <v>448</v>
      </c>
      <c r="C471" s="1">
        <v>2017</v>
      </c>
      <c r="D471" s="1" t="s">
        <v>192</v>
      </c>
      <c r="E471" s="3" t="s">
        <v>593</v>
      </c>
      <c r="F471" s="3">
        <v>0</v>
      </c>
    </row>
    <row r="472" spans="2:6" x14ac:dyDescent="0.25">
      <c r="B472" s="1" t="s">
        <v>448</v>
      </c>
      <c r="C472" s="1">
        <v>2017</v>
      </c>
      <c r="D472" s="1" t="s">
        <v>214</v>
      </c>
      <c r="E472" s="3" t="s">
        <v>593</v>
      </c>
      <c r="F472" s="3">
        <v>0</v>
      </c>
    </row>
    <row r="473" spans="2:6" x14ac:dyDescent="0.25">
      <c r="B473" s="1" t="s">
        <v>448</v>
      </c>
      <c r="C473" s="1">
        <v>2017</v>
      </c>
      <c r="D473" s="1" t="s">
        <v>305</v>
      </c>
      <c r="E473" s="3" t="s">
        <v>593</v>
      </c>
      <c r="F473" s="3">
        <v>0</v>
      </c>
    </row>
    <row r="474" spans="2:6" x14ac:dyDescent="0.25">
      <c r="B474" s="1" t="s">
        <v>448</v>
      </c>
      <c r="C474" s="1">
        <v>2017</v>
      </c>
      <c r="D474" s="1" t="s">
        <v>305</v>
      </c>
      <c r="E474" s="3" t="s">
        <v>593</v>
      </c>
      <c r="F474" s="3">
        <v>0</v>
      </c>
    </row>
    <row r="475" spans="2:6" x14ac:dyDescent="0.25">
      <c r="B475" s="1" t="s">
        <v>448</v>
      </c>
      <c r="C475" s="1">
        <v>2017</v>
      </c>
      <c r="D475" s="1" t="s">
        <v>306</v>
      </c>
      <c r="E475" s="3" t="s">
        <v>593</v>
      </c>
      <c r="F475" s="3">
        <v>0</v>
      </c>
    </row>
    <row r="476" spans="2:6" x14ac:dyDescent="0.25">
      <c r="B476" s="1" t="s">
        <v>448</v>
      </c>
      <c r="C476" s="1">
        <v>2017</v>
      </c>
      <c r="D476" s="1" t="s">
        <v>310</v>
      </c>
      <c r="E476" s="3" t="s">
        <v>593</v>
      </c>
      <c r="F476" s="3">
        <v>0</v>
      </c>
    </row>
    <row r="477" spans="2:6" x14ac:dyDescent="0.25">
      <c r="B477" s="1" t="s">
        <v>448</v>
      </c>
      <c r="C477" s="1">
        <v>2017</v>
      </c>
      <c r="D477" s="1" t="s">
        <v>311</v>
      </c>
      <c r="E477" s="3" t="s">
        <v>593</v>
      </c>
      <c r="F477" s="3">
        <v>0</v>
      </c>
    </row>
    <row r="478" spans="2:6" x14ac:dyDescent="0.25">
      <c r="B478" s="1" t="s">
        <v>448</v>
      </c>
      <c r="C478" s="1">
        <v>2017</v>
      </c>
      <c r="D478" s="1" t="s">
        <v>312</v>
      </c>
      <c r="E478" s="3" t="s">
        <v>593</v>
      </c>
      <c r="F478" s="3">
        <v>0</v>
      </c>
    </row>
    <row r="479" spans="2:6" x14ac:dyDescent="0.25">
      <c r="B479" s="1" t="s">
        <v>448</v>
      </c>
      <c r="C479" s="1">
        <v>2017</v>
      </c>
      <c r="D479" s="1" t="s">
        <v>323</v>
      </c>
      <c r="E479" s="3" t="s">
        <v>593</v>
      </c>
      <c r="F479" s="3">
        <v>0</v>
      </c>
    </row>
    <row r="480" spans="2:6" x14ac:dyDescent="0.25">
      <c r="B480" s="1" t="s">
        <v>448</v>
      </c>
      <c r="C480" s="1">
        <v>2017</v>
      </c>
      <c r="D480" s="1" t="s">
        <v>326</v>
      </c>
      <c r="E480" s="3" t="s">
        <v>593</v>
      </c>
      <c r="F480" s="3">
        <v>0</v>
      </c>
    </row>
    <row r="481" spans="2:6" x14ac:dyDescent="0.25">
      <c r="B481" s="1" t="s">
        <v>448</v>
      </c>
      <c r="C481" s="1">
        <v>2017</v>
      </c>
      <c r="D481" s="1" t="s">
        <v>335</v>
      </c>
      <c r="E481" s="3" t="s">
        <v>593</v>
      </c>
      <c r="F481" s="3">
        <v>0</v>
      </c>
    </row>
    <row r="482" spans="2:6" x14ac:dyDescent="0.25">
      <c r="B482" s="1" t="s">
        <v>448</v>
      </c>
      <c r="C482" s="1">
        <v>2017</v>
      </c>
      <c r="D482" s="1" t="s">
        <v>344</v>
      </c>
      <c r="E482" s="3" t="s">
        <v>593</v>
      </c>
      <c r="F482" s="3">
        <v>0</v>
      </c>
    </row>
    <row r="483" spans="2:6" x14ac:dyDescent="0.25">
      <c r="B483" s="1" t="s">
        <v>448</v>
      </c>
      <c r="C483" s="1">
        <v>2017</v>
      </c>
      <c r="D483" s="1" t="s">
        <v>345</v>
      </c>
      <c r="E483" s="3" t="s">
        <v>593</v>
      </c>
      <c r="F483" s="3">
        <v>0</v>
      </c>
    </row>
    <row r="484" spans="2:6" x14ac:dyDescent="0.25">
      <c r="B484" s="1" t="s">
        <v>448</v>
      </c>
      <c r="C484" s="1">
        <v>2017</v>
      </c>
      <c r="D484" s="1" t="s">
        <v>346</v>
      </c>
      <c r="E484" s="3" t="s">
        <v>593</v>
      </c>
      <c r="F484" s="3">
        <v>0</v>
      </c>
    </row>
    <row r="485" spans="2:6" x14ac:dyDescent="0.25">
      <c r="B485" s="1" t="s">
        <v>448</v>
      </c>
      <c r="C485" s="1">
        <v>2017</v>
      </c>
      <c r="D485" s="1" t="s">
        <v>349</v>
      </c>
      <c r="E485" s="3" t="s">
        <v>593</v>
      </c>
      <c r="F485" s="3">
        <v>0</v>
      </c>
    </row>
    <row r="486" spans="2:6" x14ac:dyDescent="0.25">
      <c r="B486" s="1" t="s">
        <v>448</v>
      </c>
      <c r="C486" s="1">
        <v>2017</v>
      </c>
      <c r="D486" s="1" t="s">
        <v>152</v>
      </c>
      <c r="E486" s="3" t="s">
        <v>593</v>
      </c>
      <c r="F486" s="3">
        <v>0</v>
      </c>
    </row>
    <row r="487" spans="2:6" x14ac:dyDescent="0.25">
      <c r="B487" s="1" t="s">
        <v>448</v>
      </c>
      <c r="C487" s="1">
        <v>2017</v>
      </c>
      <c r="D487" s="1" t="s">
        <v>356</v>
      </c>
      <c r="E487" s="3" t="s">
        <v>593</v>
      </c>
      <c r="F487" s="3">
        <v>0</v>
      </c>
    </row>
    <row r="488" spans="2:6" x14ac:dyDescent="0.25">
      <c r="B488" s="1" t="s">
        <v>448</v>
      </c>
      <c r="C488" s="1">
        <v>2017</v>
      </c>
      <c r="D488" s="1" t="s">
        <v>365</v>
      </c>
      <c r="E488" s="3" t="s">
        <v>593</v>
      </c>
      <c r="F488" s="3">
        <v>0</v>
      </c>
    </row>
    <row r="489" spans="2:6" x14ac:dyDescent="0.25">
      <c r="B489" s="1" t="s">
        <v>448</v>
      </c>
      <c r="C489" s="1">
        <v>2017</v>
      </c>
      <c r="D489" s="1" t="s">
        <v>230</v>
      </c>
      <c r="E489" s="3" t="s">
        <v>593</v>
      </c>
      <c r="F489" s="3">
        <v>0</v>
      </c>
    </row>
    <row r="490" spans="2:6" x14ac:dyDescent="0.25">
      <c r="B490" s="1" t="s">
        <v>448</v>
      </c>
      <c r="C490" s="1">
        <v>2017</v>
      </c>
      <c r="D490" s="1" t="s">
        <v>374</v>
      </c>
      <c r="E490" s="3" t="s">
        <v>593</v>
      </c>
      <c r="F490" s="3">
        <v>0</v>
      </c>
    </row>
    <row r="491" spans="2:6" x14ac:dyDescent="0.25">
      <c r="B491" s="1" t="s">
        <v>448</v>
      </c>
      <c r="C491" s="1">
        <v>2017</v>
      </c>
      <c r="D491" s="1" t="s">
        <v>192</v>
      </c>
      <c r="E491" s="3" t="s">
        <v>593</v>
      </c>
      <c r="F491" s="3">
        <v>0</v>
      </c>
    </row>
    <row r="492" spans="2:6" x14ac:dyDescent="0.25">
      <c r="B492" s="1" t="s">
        <v>445</v>
      </c>
      <c r="C492" s="1">
        <v>2017</v>
      </c>
      <c r="D492" s="1" t="s">
        <v>379</v>
      </c>
      <c r="E492" s="3" t="s">
        <v>593</v>
      </c>
      <c r="F492" s="3">
        <v>0</v>
      </c>
    </row>
    <row r="493" spans="2:6" x14ac:dyDescent="0.25">
      <c r="B493" s="1" t="s">
        <v>448</v>
      </c>
      <c r="C493" s="1">
        <v>2017</v>
      </c>
      <c r="D493" s="1" t="s">
        <v>243</v>
      </c>
      <c r="E493" s="3" t="s">
        <v>593</v>
      </c>
      <c r="F493" s="3">
        <v>0</v>
      </c>
    </row>
    <row r="494" spans="2:6" x14ac:dyDescent="0.25">
      <c r="B494" s="1" t="s">
        <v>448</v>
      </c>
      <c r="C494" s="1">
        <v>2017</v>
      </c>
      <c r="D494" s="1" t="s">
        <v>383</v>
      </c>
      <c r="E494" s="3" t="s">
        <v>593</v>
      </c>
      <c r="F494" s="3">
        <v>0</v>
      </c>
    </row>
    <row r="495" spans="2:6" x14ac:dyDescent="0.25">
      <c r="B495" s="1" t="s">
        <v>448</v>
      </c>
      <c r="C495" s="1">
        <v>2017</v>
      </c>
      <c r="D495" s="1" t="s">
        <v>175</v>
      </c>
      <c r="E495" s="3" t="s">
        <v>593</v>
      </c>
      <c r="F495" s="3">
        <v>0</v>
      </c>
    </row>
    <row r="496" spans="2:6" x14ac:dyDescent="0.25">
      <c r="B496" s="1" t="s">
        <v>448</v>
      </c>
      <c r="C496" s="1">
        <v>2017</v>
      </c>
      <c r="D496" s="1" t="s">
        <v>385</v>
      </c>
      <c r="E496" s="3" t="s">
        <v>593</v>
      </c>
      <c r="F496" s="3">
        <v>0</v>
      </c>
    </row>
    <row r="497" spans="2:6" x14ac:dyDescent="0.25">
      <c r="B497" s="1" t="s">
        <v>448</v>
      </c>
      <c r="C497" s="1">
        <v>2017</v>
      </c>
      <c r="D497" s="1" t="s">
        <v>386</v>
      </c>
      <c r="E497" s="3" t="s">
        <v>593</v>
      </c>
      <c r="F497" s="3">
        <v>0</v>
      </c>
    </row>
    <row r="498" spans="2:6" x14ac:dyDescent="0.25">
      <c r="B498" s="1" t="s">
        <v>448</v>
      </c>
      <c r="C498" s="1">
        <v>2017</v>
      </c>
      <c r="D498" s="1" t="s">
        <v>152</v>
      </c>
      <c r="E498" s="3" t="s">
        <v>593</v>
      </c>
      <c r="F498" s="3">
        <v>0</v>
      </c>
    </row>
    <row r="499" spans="2:6" x14ac:dyDescent="0.25">
      <c r="B499" s="1" t="s">
        <v>445</v>
      </c>
      <c r="C499" s="1">
        <v>2017</v>
      </c>
      <c r="D499" s="1" t="s">
        <v>387</v>
      </c>
      <c r="E499" s="3" t="s">
        <v>593</v>
      </c>
      <c r="F499" s="3">
        <v>0</v>
      </c>
    </row>
    <row r="500" spans="2:6" x14ac:dyDescent="0.25">
      <c r="B500" s="1" t="s">
        <v>448</v>
      </c>
      <c r="C500" s="1">
        <v>2017</v>
      </c>
      <c r="D500" s="1" t="s">
        <v>192</v>
      </c>
      <c r="E500" s="3" t="s">
        <v>593</v>
      </c>
      <c r="F500" s="3">
        <v>0</v>
      </c>
    </row>
    <row r="501" spans="2:6" x14ac:dyDescent="0.25">
      <c r="B501" s="1" t="s">
        <v>448</v>
      </c>
      <c r="C501" s="1">
        <v>2017</v>
      </c>
      <c r="D501" s="1" t="s">
        <v>389</v>
      </c>
      <c r="E501" s="3" t="s">
        <v>593</v>
      </c>
      <c r="F501" s="3">
        <v>0</v>
      </c>
    </row>
    <row r="502" spans="2:6" x14ac:dyDescent="0.25">
      <c r="B502" s="1" t="s">
        <v>448</v>
      </c>
      <c r="C502" s="1">
        <v>2017</v>
      </c>
      <c r="D502" s="1" t="s">
        <v>192</v>
      </c>
      <c r="E502" s="3" t="s">
        <v>593</v>
      </c>
      <c r="F502" s="3">
        <v>0</v>
      </c>
    </row>
    <row r="503" spans="2:6" x14ac:dyDescent="0.25">
      <c r="B503" s="1" t="s">
        <v>448</v>
      </c>
      <c r="C503" s="1">
        <v>2017</v>
      </c>
      <c r="D503" s="1" t="s">
        <v>192</v>
      </c>
      <c r="E503" s="3" t="s">
        <v>593</v>
      </c>
      <c r="F503" s="3">
        <v>0</v>
      </c>
    </row>
    <row r="504" spans="2:6" x14ac:dyDescent="0.25">
      <c r="B504" s="1" t="s">
        <v>448</v>
      </c>
      <c r="C504" s="1">
        <v>2017</v>
      </c>
      <c r="D504" s="1" t="s">
        <v>174</v>
      </c>
      <c r="E504" s="3" t="s">
        <v>593</v>
      </c>
      <c r="F504" s="3">
        <v>0</v>
      </c>
    </row>
    <row r="505" spans="2:6" x14ac:dyDescent="0.25">
      <c r="B505" s="1" t="s">
        <v>448</v>
      </c>
      <c r="C505" s="1">
        <v>2017</v>
      </c>
      <c r="D505" s="1" t="s">
        <v>394</v>
      </c>
      <c r="E505" s="3" t="s">
        <v>593</v>
      </c>
      <c r="F505" s="3">
        <v>0</v>
      </c>
    </row>
    <row r="506" spans="2:6" x14ac:dyDescent="0.25">
      <c r="B506" s="1" t="s">
        <v>448</v>
      </c>
      <c r="C506" s="1">
        <v>2017</v>
      </c>
      <c r="D506" s="1" t="s">
        <v>192</v>
      </c>
      <c r="E506" s="3" t="s">
        <v>593</v>
      </c>
      <c r="F506" s="3">
        <v>0</v>
      </c>
    </row>
    <row r="507" spans="2:6" x14ac:dyDescent="0.25">
      <c r="B507" s="1" t="s">
        <v>448</v>
      </c>
      <c r="C507" s="1">
        <v>2017</v>
      </c>
      <c r="D507" s="1" t="s">
        <v>192</v>
      </c>
      <c r="E507" s="3" t="s">
        <v>593</v>
      </c>
      <c r="F507" s="3">
        <v>0</v>
      </c>
    </row>
    <row r="508" spans="2:6" x14ac:dyDescent="0.25">
      <c r="B508" s="1" t="s">
        <v>448</v>
      </c>
      <c r="C508" s="1">
        <v>2017</v>
      </c>
      <c r="D508" s="1" t="s">
        <v>397</v>
      </c>
      <c r="E508" s="3" t="s">
        <v>593</v>
      </c>
      <c r="F508" s="3">
        <v>0</v>
      </c>
    </row>
    <row r="509" spans="2:6" x14ac:dyDescent="0.25">
      <c r="B509" s="1" t="s">
        <v>448</v>
      </c>
      <c r="C509" s="1">
        <v>2017</v>
      </c>
      <c r="D509" s="1" t="s">
        <v>323</v>
      </c>
      <c r="E509" s="3" t="s">
        <v>593</v>
      </c>
      <c r="F509" s="3">
        <v>0</v>
      </c>
    </row>
    <row r="510" spans="2:6" x14ac:dyDescent="0.25">
      <c r="B510" s="1" t="s">
        <v>448</v>
      </c>
      <c r="C510" s="1">
        <v>2017</v>
      </c>
      <c r="D510" s="1" t="s">
        <v>403</v>
      </c>
      <c r="E510" s="3" t="s">
        <v>593</v>
      </c>
      <c r="F510" s="3">
        <v>0</v>
      </c>
    </row>
    <row r="511" spans="2:6" x14ac:dyDescent="0.25">
      <c r="B511" s="1" t="s">
        <v>448</v>
      </c>
      <c r="C511" s="1">
        <v>2017</v>
      </c>
      <c r="D511" s="1" t="s">
        <v>274</v>
      </c>
      <c r="E511" s="3" t="s">
        <v>593</v>
      </c>
      <c r="F511" s="3">
        <v>0</v>
      </c>
    </row>
    <row r="512" spans="2:6" x14ac:dyDescent="0.25">
      <c r="B512" s="1" t="s">
        <v>448</v>
      </c>
      <c r="C512" s="1">
        <v>2017</v>
      </c>
      <c r="D512" s="1" t="s">
        <v>406</v>
      </c>
      <c r="E512" s="3" t="s">
        <v>593</v>
      </c>
      <c r="F512" s="3">
        <v>0</v>
      </c>
    </row>
    <row r="513" spans="2:6" x14ac:dyDescent="0.25">
      <c r="B513" s="1" t="s">
        <v>448</v>
      </c>
      <c r="C513" s="1">
        <v>2017</v>
      </c>
      <c r="D513" s="1" t="s">
        <v>176</v>
      </c>
      <c r="E513" s="3" t="s">
        <v>593</v>
      </c>
      <c r="F513" s="3">
        <v>0</v>
      </c>
    </row>
    <row r="514" spans="2:6" x14ac:dyDescent="0.25">
      <c r="B514" s="1" t="s">
        <v>448</v>
      </c>
      <c r="C514" s="1">
        <v>2017</v>
      </c>
      <c r="D514" s="1" t="s">
        <v>420</v>
      </c>
      <c r="E514" s="3" t="s">
        <v>595</v>
      </c>
      <c r="F514" s="3">
        <v>0</v>
      </c>
    </row>
    <row r="515" spans="2:6" x14ac:dyDescent="0.25">
      <c r="B515" s="1" t="s">
        <v>448</v>
      </c>
      <c r="C515" s="1">
        <v>2017</v>
      </c>
      <c r="D515" s="1" t="s">
        <v>152</v>
      </c>
      <c r="E515" s="3" t="s">
        <v>595</v>
      </c>
      <c r="F515" s="3">
        <v>0</v>
      </c>
    </row>
    <row r="516" spans="2:6" x14ac:dyDescent="0.25">
      <c r="B516" s="1" t="s">
        <v>448</v>
      </c>
      <c r="C516" s="1">
        <v>2017</v>
      </c>
      <c r="D516" s="1" t="s">
        <v>424</v>
      </c>
      <c r="E516" s="3" t="s">
        <v>595</v>
      </c>
      <c r="F516" s="3">
        <v>0</v>
      </c>
    </row>
    <row r="517" spans="2:6" x14ac:dyDescent="0.25">
      <c r="B517" s="1" t="s">
        <v>448</v>
      </c>
      <c r="C517" s="1">
        <v>2017</v>
      </c>
      <c r="D517" s="1" t="s">
        <v>176</v>
      </c>
      <c r="E517" s="3" t="s">
        <v>596</v>
      </c>
      <c r="F517" s="3">
        <v>0</v>
      </c>
    </row>
    <row r="518" spans="2:6" x14ac:dyDescent="0.25">
      <c r="B518" s="1" t="s">
        <v>448</v>
      </c>
      <c r="C518" s="1">
        <v>2017</v>
      </c>
      <c r="D518" s="1" t="s">
        <v>356</v>
      </c>
      <c r="E518" s="3" t="s">
        <v>596</v>
      </c>
      <c r="F518" s="3">
        <v>0</v>
      </c>
    </row>
    <row r="519" spans="2:6" x14ac:dyDescent="0.25">
      <c r="B519" s="1" t="s">
        <v>445</v>
      </c>
      <c r="C519" s="1">
        <v>2017</v>
      </c>
      <c r="D519" s="1" t="s">
        <v>435</v>
      </c>
      <c r="E519" s="3" t="s">
        <v>596</v>
      </c>
      <c r="F519" s="3">
        <v>0</v>
      </c>
    </row>
    <row r="520" spans="2:6" x14ac:dyDescent="0.25">
      <c r="B520" s="1" t="s">
        <v>447</v>
      </c>
      <c r="C520" s="1">
        <v>2017</v>
      </c>
      <c r="D520" s="1" t="s">
        <v>436</v>
      </c>
      <c r="E520" s="3" t="s">
        <v>594</v>
      </c>
      <c r="F520" s="3">
        <v>0</v>
      </c>
    </row>
    <row r="521" spans="2:6" x14ac:dyDescent="0.25">
      <c r="B521" s="1" t="s">
        <v>445</v>
      </c>
      <c r="C521" s="1">
        <v>2016</v>
      </c>
      <c r="D521" s="1" t="s">
        <v>49</v>
      </c>
      <c r="E521" s="3" t="s">
        <v>593</v>
      </c>
      <c r="F521" s="3">
        <v>2567.4015819967603</v>
      </c>
    </row>
    <row r="522" spans="2:6" x14ac:dyDescent="0.25">
      <c r="B522" s="1" t="s">
        <v>445</v>
      </c>
      <c r="C522" s="1">
        <v>2016</v>
      </c>
      <c r="D522" s="1" t="s">
        <v>64</v>
      </c>
      <c r="E522" s="3" t="s">
        <v>595</v>
      </c>
      <c r="F522" s="3">
        <v>2825.125375242857</v>
      </c>
    </row>
    <row r="523" spans="2:6" x14ac:dyDescent="0.25">
      <c r="B523" s="1" t="s">
        <v>445</v>
      </c>
      <c r="C523" s="1">
        <v>2016</v>
      </c>
      <c r="D523" s="1" t="s">
        <v>73</v>
      </c>
      <c r="E523" s="3" t="s">
        <v>595</v>
      </c>
      <c r="F523" s="3">
        <v>2380</v>
      </c>
    </row>
    <row r="524" spans="2:6" x14ac:dyDescent="0.25">
      <c r="B524" s="1" t="s">
        <v>445</v>
      </c>
      <c r="C524" s="1">
        <v>2016</v>
      </c>
      <c r="D524" s="1" t="s">
        <v>135</v>
      </c>
      <c r="E524" s="3" t="s">
        <v>593</v>
      </c>
      <c r="F524" s="3">
        <v>16.257413464823049</v>
      </c>
    </row>
    <row r="525" spans="2:6" x14ac:dyDescent="0.25">
      <c r="B525" s="1" t="s">
        <v>448</v>
      </c>
      <c r="C525" s="1">
        <v>2016</v>
      </c>
      <c r="D525" s="1" t="s">
        <v>175</v>
      </c>
      <c r="E525" s="3" t="s">
        <v>593</v>
      </c>
      <c r="F525" s="3">
        <v>0</v>
      </c>
    </row>
    <row r="526" spans="2:6" x14ac:dyDescent="0.25">
      <c r="B526" s="1" t="s">
        <v>448</v>
      </c>
      <c r="C526" s="1">
        <v>2016</v>
      </c>
      <c r="D526" s="1" t="s">
        <v>237</v>
      </c>
      <c r="E526" s="3" t="s">
        <v>593</v>
      </c>
      <c r="F526" s="3">
        <v>0</v>
      </c>
    </row>
    <row r="527" spans="2:6" x14ac:dyDescent="0.25">
      <c r="B527" s="1" t="s">
        <v>448</v>
      </c>
      <c r="C527" s="1">
        <v>2016</v>
      </c>
      <c r="D527" s="1" t="s">
        <v>267</v>
      </c>
      <c r="E527" s="3" t="s">
        <v>593</v>
      </c>
      <c r="F527" s="3">
        <v>0</v>
      </c>
    </row>
    <row r="528" spans="2:6" x14ac:dyDescent="0.25">
      <c r="B528" s="1" t="s">
        <v>448</v>
      </c>
      <c r="C528" s="1">
        <v>2016</v>
      </c>
      <c r="D528" s="1" t="s">
        <v>268</v>
      </c>
      <c r="E528" s="3" t="s">
        <v>593</v>
      </c>
      <c r="F528" s="3">
        <v>0</v>
      </c>
    </row>
    <row r="529" spans="2:6" x14ac:dyDescent="0.25">
      <c r="B529" s="1" t="s">
        <v>448</v>
      </c>
      <c r="C529" s="1">
        <v>2016</v>
      </c>
      <c r="D529" s="1" t="s">
        <v>280</v>
      </c>
      <c r="E529" s="3" t="s">
        <v>593</v>
      </c>
      <c r="F529" s="3">
        <v>0</v>
      </c>
    </row>
    <row r="530" spans="2:6" x14ac:dyDescent="0.25">
      <c r="B530" s="1" t="s">
        <v>448</v>
      </c>
      <c r="C530" s="1">
        <v>2016</v>
      </c>
      <c r="D530" s="1" t="s">
        <v>283</v>
      </c>
      <c r="E530" s="3" t="s">
        <v>593</v>
      </c>
      <c r="F530" s="3">
        <v>0</v>
      </c>
    </row>
    <row r="531" spans="2:6" x14ac:dyDescent="0.25">
      <c r="B531" s="1" t="s">
        <v>448</v>
      </c>
      <c r="C531" s="1">
        <v>2016</v>
      </c>
      <c r="D531" s="1" t="s">
        <v>294</v>
      </c>
      <c r="E531" s="3" t="s">
        <v>593</v>
      </c>
      <c r="F531" s="3">
        <v>0</v>
      </c>
    </row>
    <row r="532" spans="2:6" x14ac:dyDescent="0.25">
      <c r="B532" s="1" t="s">
        <v>448</v>
      </c>
      <c r="C532" s="1">
        <v>2016</v>
      </c>
      <c r="D532" s="1" t="s">
        <v>294</v>
      </c>
      <c r="E532" s="3" t="s">
        <v>593</v>
      </c>
      <c r="F532" s="3">
        <v>0</v>
      </c>
    </row>
    <row r="533" spans="2:6" x14ac:dyDescent="0.25">
      <c r="B533" s="1" t="s">
        <v>448</v>
      </c>
      <c r="C533" s="1">
        <v>2016</v>
      </c>
      <c r="D533" s="1" t="s">
        <v>298</v>
      </c>
      <c r="E533" s="3" t="s">
        <v>593</v>
      </c>
      <c r="F533" s="3">
        <v>0</v>
      </c>
    </row>
    <row r="534" spans="2:6" x14ac:dyDescent="0.25">
      <c r="B534" s="1" t="s">
        <v>448</v>
      </c>
      <c r="C534" s="1">
        <v>2016</v>
      </c>
      <c r="D534" s="1" t="s">
        <v>303</v>
      </c>
      <c r="E534" s="3" t="s">
        <v>593</v>
      </c>
      <c r="F534" s="3">
        <v>0</v>
      </c>
    </row>
    <row r="535" spans="2:6" x14ac:dyDescent="0.25">
      <c r="B535" s="1" t="s">
        <v>448</v>
      </c>
      <c r="C535" s="1">
        <v>2016</v>
      </c>
      <c r="D535" s="1" t="s">
        <v>174</v>
      </c>
      <c r="E535" s="3" t="s">
        <v>593</v>
      </c>
      <c r="F535" s="3">
        <v>0</v>
      </c>
    </row>
    <row r="536" spans="2:6" x14ac:dyDescent="0.25">
      <c r="B536" s="1" t="s">
        <v>448</v>
      </c>
      <c r="C536" s="1">
        <v>2016</v>
      </c>
      <c r="D536" s="1" t="s">
        <v>304</v>
      </c>
      <c r="E536" s="3" t="s">
        <v>593</v>
      </c>
      <c r="F536" s="3">
        <v>0</v>
      </c>
    </row>
    <row r="537" spans="2:6" x14ac:dyDescent="0.25">
      <c r="B537" s="1" t="s">
        <v>448</v>
      </c>
      <c r="C537" s="1">
        <v>2016</v>
      </c>
      <c r="D537" s="1" t="s">
        <v>307</v>
      </c>
      <c r="E537" s="3" t="s">
        <v>593</v>
      </c>
      <c r="F537" s="3">
        <v>0</v>
      </c>
    </row>
    <row r="538" spans="2:6" x14ac:dyDescent="0.25">
      <c r="B538" s="1" t="s">
        <v>448</v>
      </c>
      <c r="C538" s="1">
        <v>2016</v>
      </c>
      <c r="D538" s="1" t="s">
        <v>317</v>
      </c>
      <c r="E538" s="3" t="s">
        <v>593</v>
      </c>
      <c r="F538" s="3">
        <v>0</v>
      </c>
    </row>
    <row r="539" spans="2:6" x14ac:dyDescent="0.25">
      <c r="B539" s="1" t="s">
        <v>448</v>
      </c>
      <c r="C539" s="1">
        <v>2016</v>
      </c>
      <c r="D539" s="1" t="s">
        <v>350</v>
      </c>
      <c r="E539" s="3" t="s">
        <v>593</v>
      </c>
      <c r="F539" s="3">
        <v>0</v>
      </c>
    </row>
    <row r="540" spans="2:6" x14ac:dyDescent="0.25">
      <c r="B540" s="1" t="s">
        <v>448</v>
      </c>
      <c r="C540" s="1">
        <v>2016</v>
      </c>
      <c r="D540" s="1" t="s">
        <v>210</v>
      </c>
      <c r="E540" s="3" t="s">
        <v>593</v>
      </c>
      <c r="F540" s="3">
        <v>0</v>
      </c>
    </row>
    <row r="541" spans="2:6" x14ac:dyDescent="0.25">
      <c r="B541" s="1" t="s">
        <v>448</v>
      </c>
      <c r="C541" s="1">
        <v>2016</v>
      </c>
      <c r="D541" s="1" t="s">
        <v>355</v>
      </c>
      <c r="E541" s="3" t="s">
        <v>593</v>
      </c>
      <c r="F541" s="3">
        <v>0</v>
      </c>
    </row>
    <row r="542" spans="2:6" x14ac:dyDescent="0.25">
      <c r="B542" s="1" t="s">
        <v>448</v>
      </c>
      <c r="C542" s="1">
        <v>2016</v>
      </c>
      <c r="D542" s="1" t="s">
        <v>364</v>
      </c>
      <c r="E542" s="3" t="s">
        <v>593</v>
      </c>
      <c r="F542" s="3">
        <v>0</v>
      </c>
    </row>
    <row r="543" spans="2:6" x14ac:dyDescent="0.25">
      <c r="B543" s="1" t="s">
        <v>448</v>
      </c>
      <c r="C543" s="1">
        <v>2016</v>
      </c>
      <c r="D543" s="1" t="s">
        <v>166</v>
      </c>
      <c r="E543" s="3" t="s">
        <v>593</v>
      </c>
      <c r="F543" s="3">
        <v>0</v>
      </c>
    </row>
    <row r="544" spans="2:6" x14ac:dyDescent="0.25">
      <c r="B544" s="1" t="s">
        <v>448</v>
      </c>
      <c r="C544" s="1">
        <v>2016</v>
      </c>
      <c r="D544" s="1" t="s">
        <v>243</v>
      </c>
      <c r="E544" s="3" t="s">
        <v>593</v>
      </c>
      <c r="F544" s="3">
        <v>0</v>
      </c>
    </row>
    <row r="545" spans="2:6" x14ac:dyDescent="0.25">
      <c r="B545" s="1" t="s">
        <v>448</v>
      </c>
      <c r="C545" s="1">
        <v>2016</v>
      </c>
      <c r="D545" s="1" t="s">
        <v>166</v>
      </c>
      <c r="E545" s="3" t="s">
        <v>593</v>
      </c>
      <c r="F545" s="3">
        <v>0</v>
      </c>
    </row>
    <row r="546" spans="2:6" x14ac:dyDescent="0.25">
      <c r="B546" s="1" t="s">
        <v>448</v>
      </c>
      <c r="C546" s="1">
        <v>2016</v>
      </c>
      <c r="D546" s="1" t="s">
        <v>376</v>
      </c>
      <c r="E546" s="3" t="s">
        <v>593</v>
      </c>
      <c r="F546" s="3">
        <v>0</v>
      </c>
    </row>
    <row r="547" spans="2:6" x14ac:dyDescent="0.25">
      <c r="B547" s="1" t="s">
        <v>448</v>
      </c>
      <c r="C547" s="1">
        <v>2016</v>
      </c>
      <c r="D547" s="1" t="s">
        <v>317</v>
      </c>
      <c r="E547" s="3" t="s">
        <v>593</v>
      </c>
      <c r="F547" s="3">
        <v>0</v>
      </c>
    </row>
    <row r="548" spans="2:6" x14ac:dyDescent="0.25">
      <c r="B548" s="1" t="s">
        <v>448</v>
      </c>
      <c r="C548" s="1">
        <v>2016</v>
      </c>
      <c r="D548" s="1" t="s">
        <v>378</v>
      </c>
      <c r="E548" s="3" t="s">
        <v>593</v>
      </c>
      <c r="F548" s="3">
        <v>0</v>
      </c>
    </row>
    <row r="549" spans="2:6" x14ac:dyDescent="0.25">
      <c r="B549" s="1" t="s">
        <v>448</v>
      </c>
      <c r="C549" s="1">
        <v>2016</v>
      </c>
      <c r="D549" s="1" t="s">
        <v>192</v>
      </c>
      <c r="E549" s="3" t="s">
        <v>593</v>
      </c>
      <c r="F549" s="3">
        <v>0</v>
      </c>
    </row>
    <row r="550" spans="2:6" x14ac:dyDescent="0.25">
      <c r="B550" s="1" t="s">
        <v>448</v>
      </c>
      <c r="C550" s="1">
        <v>2016</v>
      </c>
      <c r="D550" s="1" t="s">
        <v>376</v>
      </c>
      <c r="E550" s="3" t="s">
        <v>593</v>
      </c>
      <c r="F550" s="3">
        <v>0</v>
      </c>
    </row>
    <row r="551" spans="2:6" x14ac:dyDescent="0.25">
      <c r="B551" s="1" t="s">
        <v>448</v>
      </c>
      <c r="C551" s="1">
        <v>2016</v>
      </c>
      <c r="D551" s="1" t="s">
        <v>407</v>
      </c>
      <c r="E551" s="3" t="s">
        <v>593</v>
      </c>
      <c r="F551" s="3">
        <v>0</v>
      </c>
    </row>
    <row r="552" spans="2:6" x14ac:dyDescent="0.25">
      <c r="B552" s="1" t="s">
        <v>448</v>
      </c>
      <c r="C552" s="1">
        <v>2016</v>
      </c>
      <c r="D552" s="1" t="s">
        <v>411</v>
      </c>
      <c r="E552" s="3" t="s">
        <v>595</v>
      </c>
      <c r="F552" s="3">
        <v>0</v>
      </c>
    </row>
    <row r="553" spans="2:6" x14ac:dyDescent="0.25">
      <c r="B553" s="1" t="s">
        <v>448</v>
      </c>
      <c r="C553" s="1">
        <v>2016</v>
      </c>
      <c r="D553" s="1" t="s">
        <v>412</v>
      </c>
      <c r="E553" s="3" t="s">
        <v>595</v>
      </c>
      <c r="F553" s="3">
        <v>0</v>
      </c>
    </row>
    <row r="554" spans="2:6" x14ac:dyDescent="0.25">
      <c r="B554" s="1" t="s">
        <v>448</v>
      </c>
      <c r="C554" s="1">
        <v>2016</v>
      </c>
      <c r="D554" s="1" t="s">
        <v>376</v>
      </c>
      <c r="E554" s="3" t="s">
        <v>595</v>
      </c>
      <c r="F554" s="3">
        <v>0</v>
      </c>
    </row>
    <row r="555" spans="2:6" x14ac:dyDescent="0.25">
      <c r="B555" s="1" t="s">
        <v>448</v>
      </c>
      <c r="C555" s="1">
        <v>2016</v>
      </c>
      <c r="D555" s="1" t="s">
        <v>192</v>
      </c>
      <c r="E555" s="3" t="s">
        <v>595</v>
      </c>
      <c r="F555" s="3">
        <v>0</v>
      </c>
    </row>
    <row r="556" spans="2:6" x14ac:dyDescent="0.25">
      <c r="B556" s="1" t="s">
        <v>448</v>
      </c>
      <c r="C556" s="1">
        <v>2016</v>
      </c>
      <c r="D556" s="1" t="s">
        <v>192</v>
      </c>
      <c r="E556" s="3" t="s">
        <v>596</v>
      </c>
      <c r="F556" s="3">
        <v>0</v>
      </c>
    </row>
    <row r="557" spans="2:6" x14ac:dyDescent="0.25">
      <c r="B557" s="1" t="s">
        <v>448</v>
      </c>
      <c r="C557" s="1">
        <v>2016</v>
      </c>
      <c r="D557" s="1" t="s">
        <v>192</v>
      </c>
      <c r="E557" s="3" t="s">
        <v>596</v>
      </c>
      <c r="F557" s="3">
        <v>0</v>
      </c>
    </row>
    <row r="558" spans="2:6" x14ac:dyDescent="0.25">
      <c r="B558" s="1" t="s">
        <v>448</v>
      </c>
      <c r="C558" s="1">
        <v>2016</v>
      </c>
      <c r="D558" s="1" t="s">
        <v>376</v>
      </c>
      <c r="E558" s="3" t="s">
        <v>596</v>
      </c>
      <c r="F558" s="3">
        <v>0</v>
      </c>
    </row>
    <row r="559" spans="2:6" x14ac:dyDescent="0.25">
      <c r="B559" s="1" t="s">
        <v>445</v>
      </c>
      <c r="C559" s="1">
        <v>2016</v>
      </c>
      <c r="D559" s="1" t="s">
        <v>432</v>
      </c>
      <c r="E559" s="3" t="s">
        <v>596</v>
      </c>
      <c r="F559" s="3">
        <v>0</v>
      </c>
    </row>
  </sheetData>
  <pageMargins left="0.7" right="0.7" top="0.75" bottom="0.75" header="0.3" footer="0.3"/>
  <drawing r:id="rId1"/>
  <tableParts count="1">
    <tablePart r:id="rId2"/>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EBE4CD43-BCD5-4BFE-94A5-4DA38E711B66}">
  <ds:schemaRefs/>
</ds:datastoreItem>
</file>

<file path=customXml/itemProps2.xml><?xml version="1.0" encoding="utf-8"?>
<ds:datastoreItem xmlns:ds="http://schemas.openxmlformats.org/officeDocument/2006/customXml" ds:itemID="{C8962CED-008E-4353-AAD4-DA4C26E909C2}">
  <ds:schemaRefs/>
</ds:datastoreItem>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2" baseType="variant">
      <vt:variant>
        <vt:lpstr>Regneark</vt:lpstr>
      </vt:variant>
      <vt:variant>
        <vt:i4>2</vt:i4>
      </vt:variant>
    </vt:vector>
  </HeadingPairs>
  <TitlesOfParts>
    <vt:vector size="2" baseType="lpstr">
      <vt:lpstr>GBF2022</vt:lpstr>
      <vt:lpstr>GBF2017</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10-16T22:48:36Z</dcterms:created>
  <dcterms:modified xsi:type="dcterms:W3CDTF">2025-03-13T10:36:3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ommunekredit</vt:lpwstr>
  </property>
  <property fmtid="{D5CDD505-2E9C-101B-9397-08002B2CF9AE}" pid="3" name="TemplafyTemplateId">
    <vt:lpwstr>1027507335040073742</vt:lpwstr>
  </property>
  <property fmtid="{D5CDD505-2E9C-101B-9397-08002B2CF9AE}" pid="4" name="TemplafyUserProfileId">
    <vt:lpwstr>638043567027047540</vt:lpwstr>
  </property>
  <property fmtid="{D5CDD505-2E9C-101B-9397-08002B2CF9AE}" pid="5" name="TemplafyLanguageCode">
    <vt:lpwstr>da-DK</vt:lpwstr>
  </property>
  <property fmtid="{D5CDD505-2E9C-101B-9397-08002B2CF9AE}" pid="6" name="TemplafyFromBlank">
    <vt:bool>true</vt:bool>
  </property>
</Properties>
</file>